
<file path=[Content_Types].xml><?xml version="1.0" encoding="utf-8"?>
<Types xmlns="http://schemas.openxmlformats.org/package/2006/content-types">
  <Default Extension="bin" ContentType="image/png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theme/themeOverride1.xml" ContentType="application/vnd.openxmlformats-officedocument.themeOverride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notesSlides/notesSlide1.xml" ContentType="application/vnd.openxmlformats-officedocument.presentationml.notesSlide+xml"/>
  <Override PartName="/ppt/media/image16.bin" ContentType="image/jpeg"/>
  <Override PartName="/ppt/tags/tag11.xml" ContentType="application/vnd.openxmlformats-officedocument.presentationml.tags+xml"/>
  <Override PartName="/ppt/media/image17.bin" ContentType="image/jpeg"/>
  <Override PartName="/ppt/media/image18.bin" ContentType="image/gif"/>
  <Override PartName="/ppt/tags/tag12.xml" ContentType="application/vnd.openxmlformats-officedocument.presentationml.tags+xml"/>
  <Override PartName="/ppt/notesSlides/notesSlide2.xml" ContentType="application/vnd.openxmlformats-officedocument.presentationml.notesSlide+xml"/>
  <Override PartName="/ppt/media/image19.bin" ContentType="image/jpeg"/>
  <Override PartName="/ppt/media/image20.bin" ContentType="image/gif"/>
  <Override PartName="/ppt/tags/tag13.xml" ContentType="application/vnd.openxmlformats-officedocument.presentationml.tags+xml"/>
  <Override PartName="/ppt/notesSlides/notesSlide3.xml" ContentType="application/vnd.openxmlformats-officedocument.presentationml.notesSlide+xml"/>
  <Override PartName="/ppt/media/image21.bin" ContentType="image/jpeg"/>
  <Override PartName="/ppt/media/image22.bin" ContentType="image/jpeg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media/image23.bin" ContentType="image/jpeg"/>
  <Override PartName="/ppt/media/image24.bin" ContentType="image/jpeg"/>
  <Override PartName="/ppt/tags/tag16.xml" ContentType="application/vnd.openxmlformats-officedocument.presentationml.tags+xml"/>
  <Override PartName="/ppt/media/image25.bin" ContentType="image/jpeg"/>
  <Override PartName="/ppt/media/image26.bin" ContentType="image/gif"/>
  <Override PartName="/ppt/tags/tag17.xml" ContentType="application/vnd.openxmlformats-officedocument.presentationml.tags+xml"/>
  <Override PartName="/ppt/media/image27.bin" ContentType="image/jpeg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media/image29.bin" ContentType="image/gif"/>
  <Override PartName="/ppt/tags/tag19.xml" ContentType="application/vnd.openxmlformats-officedocument.presentationml.tags+xml"/>
  <Override PartName="/ppt/notesSlides/notesSlide5.xml" ContentType="application/vnd.openxmlformats-officedocument.presentationml.notesSlide+xml"/>
  <Override PartName="/ppt/media/image30.bin" ContentType="image/gif"/>
  <Override PartName="/ppt/media/image31.bin" ContentType="image/gif"/>
  <Override PartName="/ppt/media/image32.bin" ContentType="image/jpeg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41"/>
  </p:sldMasterIdLst>
  <p:notesMasterIdLst>
    <p:notesMasterId r:id="rId55"/>
  </p:notesMasterIdLst>
  <p:handoutMasterIdLst>
    <p:handoutMasterId r:id="rId56"/>
  </p:handoutMasterIdLst>
  <p:sldIdLst>
    <p:sldId id="497" r:id="rId42"/>
    <p:sldId id="256" r:id="rId43"/>
    <p:sldId id="551" r:id="rId44"/>
    <p:sldId id="556" r:id="rId45"/>
    <p:sldId id="553" r:id="rId46"/>
    <p:sldId id="552" r:id="rId47"/>
    <p:sldId id="554" r:id="rId48"/>
    <p:sldId id="555" r:id="rId49"/>
    <p:sldId id="557" r:id="rId50"/>
    <p:sldId id="558" r:id="rId51"/>
    <p:sldId id="550" r:id="rId52"/>
    <p:sldId id="537" r:id="rId53"/>
    <p:sldId id="491" r:id="rId5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54E7F"/>
    <a:srgbClr val="00CCFF"/>
    <a:srgbClr val="FFE699"/>
    <a:srgbClr val="2FC9FF"/>
    <a:srgbClr val="5DD5FF"/>
    <a:srgbClr val="37CBFF"/>
    <a:srgbClr val="0883D6"/>
    <a:srgbClr val="BCEAFB"/>
    <a:srgbClr val="FFFF57"/>
    <a:srgbClr val="E1F6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660"/>
  </p:normalViewPr>
  <p:slideViewPr>
    <p:cSldViewPr snapToGrid="0">
      <p:cViewPr varScale="1">
        <p:scale>
          <a:sx n="67" d="100"/>
          <a:sy n="67" d="100"/>
        </p:scale>
        <p:origin x="604" y="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85" d="100"/>
          <a:sy n="85" d="100"/>
        </p:scale>
        <p:origin x="2694" y="9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1.xml"/><Relationship Id="rId47" Type="http://schemas.openxmlformats.org/officeDocument/2006/relationships/slide" Target="slides/slide6.xml"/><Relationship Id="rId50" Type="http://schemas.openxmlformats.org/officeDocument/2006/relationships/slide" Target="slides/slide9.xml"/><Relationship Id="rId55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slide" Target="slides/slide4.xml"/><Relationship Id="rId53" Type="http://schemas.openxmlformats.org/officeDocument/2006/relationships/slide" Target="slides/slide12.xml"/><Relationship Id="rId58" Type="http://schemas.openxmlformats.org/officeDocument/2006/relationships/viewProps" Target="viewProps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2.xml"/><Relationship Id="rId48" Type="http://schemas.openxmlformats.org/officeDocument/2006/relationships/slide" Target="slides/slide7.xml"/><Relationship Id="rId56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slide" Target="slides/slide10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5.xml"/><Relationship Id="rId59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slideMaster" Target="slideMasters/slideMaster1.xml"/><Relationship Id="rId54" Type="http://schemas.openxmlformats.org/officeDocument/2006/relationships/slide" Target="slides/slide1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8.xml"/><Relationship Id="rId57" Type="http://schemas.openxmlformats.org/officeDocument/2006/relationships/presProps" Target="presProps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3.xml"/><Relationship Id="rId52" Type="http://schemas.openxmlformats.org/officeDocument/2006/relationships/slide" Target="slides/slide11.xml"/><Relationship Id="rId60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30CB436E-4A63-EA81-4BB5-C70CDB7A4A08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0F19802-4C7A-E3E4-44CE-30B181481A7E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EFBAD53-8029-49E4-A96C-C436ACB2AC76}" type="datetimeFigureOut">
              <a:rPr lang="en-US" smtClean="0"/>
              <a:t>9/12/2023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5F9033A-7738-84A9-A0B2-EB043E0B0CD3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5198479-285F-6AAC-430F-920F946210D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97F48E5-24EB-44D1-9C4B-E5313C71C6B1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7995335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8E6B94D2-EFAE-4BA5-AABF-D64540DC29C3}" type="datetimeFigureOut">
              <a:rPr lang="en-US" smtClean="0"/>
              <a:t>9/12/2023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56EAED1-8922-4C7E-B5BF-DEED5FFD961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162415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>
                <a:solidFill>
                  <a:prstClr val="black"/>
                </a:solidFill>
              </a:rPr>
              <a:t>Welcome/ Thanks for coming to learn about this exciting opportunity for your child to travel abroad on an educational tour ____________ during _____________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E8A1B453-8301-481C-96B6-9E09F0440B80}" type="slidenum">
              <a:rPr lang="en-US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100941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Spai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6E862BA-527B-4BA0-92B9-B05FDC14D247}" type="slidenum">
              <a:rPr lang="en-US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1980238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Barcelona, Spai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EE2B25B3-5017-46D2-A784-3E967DCC29B3}" type="slidenum">
              <a:rPr lang="en-US"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7889030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Spai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6339072-77EE-41A9-AE23-91EFBDD7CF9C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5735420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Spai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6339072-77EE-41A9-AE23-91EFBDD7CF9C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3105608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1635125" y="719138"/>
            <a:ext cx="4044950" cy="22748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3431065"/>
            <a:ext cx="5486400" cy="3600450"/>
          </a:xfrm>
        </p:spPr>
        <p:txBody>
          <a:bodyPr/>
          <a:lstStyle/>
          <a:p>
            <a:r>
              <a:rPr lang="en-US" b="1" i="0" u="sng" dirty="0"/>
              <a:t>SPEAKER:</a:t>
            </a:r>
          </a:p>
          <a:p>
            <a:pPr marL="181240" indent="-181240">
              <a:buFont typeface="Arial" panose="020B0604020202020204" pitchFamily="34" charset="0"/>
              <a:buChar char="•"/>
            </a:pPr>
            <a:r>
              <a:rPr lang="en-US" dirty="0"/>
              <a:t>Travel is important now more than ever and I really want all of you to have this experience of a lifetime</a:t>
            </a:r>
            <a:endParaRPr lang="en-US" baseline="0" dirty="0"/>
          </a:p>
          <a:p>
            <a:endParaRPr lang="en-US" dirty="0"/>
          </a:p>
          <a:p>
            <a:r>
              <a:rPr lang="en-US" b="1" u="sng" dirty="0"/>
              <a:t>GOAL:</a:t>
            </a:r>
          </a:p>
          <a:p>
            <a:r>
              <a:rPr lang="en-US" i="0" dirty="0"/>
              <a:t>Show students and families your passion for travel– the amazing things you’ve seen and the transformation that’s happened along the way </a:t>
            </a:r>
            <a:r>
              <a:rPr lang="en-US" i="0" u="sng" dirty="0"/>
              <a:t>OR</a:t>
            </a:r>
            <a:r>
              <a:rPr lang="en-US" i="0" dirty="0"/>
              <a:t> your excitement about having new experiences with the group!</a:t>
            </a:r>
            <a:endParaRPr lang="en-US" u="sng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7D64634-E714-47C7-9311-F8CAB9F8E533}" type="slidenum">
              <a:rPr lang="en-US"/>
              <a:t>1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877189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A58E095-D7F9-4A7F-9DE0-89AF39518C99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0705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gi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gif"/><Relationship Id="rId4" Type="http://schemas.openxmlformats.org/officeDocument/2006/relationships/image" Target="../media/image5.svg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7578860-CF4B-FE6D-02DB-0BFF1F6A980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8C1F0A-0E4D-40DA-9857-DC0A05FBBA89}" type="datetimeFigureOut">
              <a:rPr lang="en-US" smtClean="0"/>
              <a:t>9/12/2023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407F228-8940-9F99-E11B-D997A19F011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607C80-6FE3-D69B-AFBC-3486970FE9B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A7EA62-42EF-403F-837F-71D87D6CED6D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0408485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d poll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icture Placeholder 14">
            <a:extLst>
              <a:ext uri="{FF2B5EF4-FFF2-40B4-BE49-F238E27FC236}">
                <a16:creationId xmlns:a16="http://schemas.microsoft.com/office/drawing/2014/main" id="{A1D33B09-B9C3-864E-11FD-D5451313822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1" y="0"/>
            <a:ext cx="6096000" cy="6858000"/>
          </a:xfrm>
        </p:spPr>
        <p:txBody>
          <a:bodyPr/>
          <a:lstStyle>
            <a:lvl1pPr marL="0" indent="0">
              <a:buNone/>
              <a:defRPr sz="2400" u="sng">
                <a:solidFill>
                  <a:srgbClr val="FF0000"/>
                </a:solidFill>
                <a:latin typeface="EF Circular Black" panose="020B0A04020101010102" pitchFamily="34" charset="0"/>
                <a:cs typeface="EF Circular Black" panose="020B0A04020101010102" pitchFamily="34" charset="0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Insert food image using #tourcode in the Templafy images.</a:t>
            </a:r>
          </a:p>
          <a:p>
            <a:endParaRPr lang="en-US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45FDAB40-6A7E-BD5E-013F-98682B44907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6096000" cy="6858000"/>
          </a:xfrm>
        </p:spPr>
        <p:txBody>
          <a:bodyPr>
            <a:normAutofit/>
          </a:bodyPr>
          <a:lstStyle>
            <a:lvl1pPr marL="0" indent="0">
              <a:buNone/>
              <a:defRPr sz="2400" b="0" u="sng">
                <a:solidFill>
                  <a:srgbClr val="FF0000"/>
                </a:solidFill>
                <a:latin typeface="EF Circular Black" panose="020B0A04020101010102" pitchFamily="34" charset="0"/>
                <a:cs typeface="EF Circular Black" panose="020B0A04020101010102" pitchFamily="34" charset="0"/>
              </a:defRPr>
            </a:lvl1pPr>
          </a:lstStyle>
          <a:p>
            <a:r>
              <a:rPr lang="en-US" dirty="0"/>
              <a:t>Insert food image using #tourcode in Templafy images.</a:t>
            </a:r>
          </a:p>
        </p:txBody>
      </p:sp>
    </p:spTree>
    <p:extLst>
      <p:ext uri="{BB962C8B-B14F-4D97-AF65-F5344CB8AC3E}">
        <p14:creationId xmlns:p14="http://schemas.microsoft.com/office/powerpoint/2010/main" val="107408226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Why I Travel - photo fill in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0"/>
          <p:cNvSpPr>
            <a:spLocks noGrp="1"/>
          </p:cNvSpPr>
          <p:nvPr>
            <p:ph type="pic" sz="quarter" idx="10" hasCustomPrompt="1"/>
          </p:nvPr>
        </p:nvSpPr>
        <p:spPr>
          <a:xfrm>
            <a:off x="275735" y="272562"/>
            <a:ext cx="3696189" cy="3604113"/>
          </a:xfrm>
        </p:spPr>
        <p:txBody>
          <a:bodyPr/>
          <a:lstStyle>
            <a:lvl1pPr marL="0" indent="0">
              <a:buNone/>
              <a:defRPr sz="2800" b="0" baseline="0">
                <a:solidFill>
                  <a:srgbClr val="00B0F0"/>
                </a:solidFill>
              </a:defRPr>
            </a:lvl1pPr>
          </a:lstStyle>
          <a:p>
            <a:r>
              <a:rPr lang="en-US" dirty="0"/>
              <a:t>Add your travel photos here using the placeholders</a:t>
            </a:r>
          </a:p>
          <a:p>
            <a:r>
              <a:rPr lang="en-US" dirty="0"/>
              <a:t>If you don’t have photos to include, delete this slide</a:t>
            </a:r>
          </a:p>
          <a:p>
            <a:endParaRPr lang="en-US" dirty="0"/>
          </a:p>
        </p:txBody>
      </p:sp>
      <p:sp>
        <p:nvSpPr>
          <p:cNvPr id="18" name="Picture Placeholder 10"/>
          <p:cNvSpPr>
            <a:spLocks noGrp="1"/>
          </p:cNvSpPr>
          <p:nvPr>
            <p:ph type="pic" sz="quarter" idx="11"/>
          </p:nvPr>
        </p:nvSpPr>
        <p:spPr>
          <a:xfrm>
            <a:off x="275735" y="4088422"/>
            <a:ext cx="3696189" cy="2393706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r>
              <a:rPr lang="en-US" dirty="0"/>
              <a:t>  </a:t>
            </a:r>
          </a:p>
        </p:txBody>
      </p:sp>
      <p:sp>
        <p:nvSpPr>
          <p:cNvPr id="19" name="Picture Placeholder 10"/>
          <p:cNvSpPr>
            <a:spLocks noGrp="1"/>
          </p:cNvSpPr>
          <p:nvPr>
            <p:ph type="pic" sz="quarter" idx="12"/>
          </p:nvPr>
        </p:nvSpPr>
        <p:spPr>
          <a:xfrm>
            <a:off x="4222751" y="4088422"/>
            <a:ext cx="3696189" cy="2393706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r>
              <a:rPr lang="en-US" dirty="0"/>
              <a:t>  </a:t>
            </a:r>
          </a:p>
        </p:txBody>
      </p:sp>
      <p:sp>
        <p:nvSpPr>
          <p:cNvPr id="20" name="Picture Placeholder 10"/>
          <p:cNvSpPr>
            <a:spLocks noGrp="1"/>
          </p:cNvSpPr>
          <p:nvPr>
            <p:ph type="pic" sz="quarter" idx="13"/>
          </p:nvPr>
        </p:nvSpPr>
        <p:spPr>
          <a:xfrm>
            <a:off x="4222751" y="272562"/>
            <a:ext cx="3696189" cy="2329961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r>
              <a:rPr lang="en-US" dirty="0"/>
              <a:t>  </a:t>
            </a:r>
          </a:p>
        </p:txBody>
      </p:sp>
      <p:sp>
        <p:nvSpPr>
          <p:cNvPr id="21" name="Picture Placeholder 10"/>
          <p:cNvSpPr>
            <a:spLocks noGrp="1"/>
          </p:cNvSpPr>
          <p:nvPr>
            <p:ph type="pic" sz="quarter" idx="14"/>
          </p:nvPr>
        </p:nvSpPr>
        <p:spPr>
          <a:xfrm>
            <a:off x="8152175" y="272562"/>
            <a:ext cx="3696189" cy="3604113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228600" marR="0" lvl="0" indent="-22860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dirty="0"/>
          </a:p>
          <a:p>
            <a:r>
              <a:rPr lang="en-US" dirty="0"/>
              <a:t>  </a:t>
            </a:r>
          </a:p>
        </p:txBody>
      </p:sp>
      <p:sp>
        <p:nvSpPr>
          <p:cNvPr id="22" name="Picture Placeholder 10"/>
          <p:cNvSpPr>
            <a:spLocks noGrp="1"/>
          </p:cNvSpPr>
          <p:nvPr>
            <p:ph type="pic" sz="quarter" idx="15"/>
          </p:nvPr>
        </p:nvSpPr>
        <p:spPr>
          <a:xfrm>
            <a:off x="8152175" y="4088422"/>
            <a:ext cx="3696189" cy="2393705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endParaRPr lang="en-US" dirty="0"/>
          </a:p>
        </p:txBody>
      </p:sp>
      <p:sp>
        <p:nvSpPr>
          <p:cNvPr id="8" name="extra text" descr="{&quot;templafy&quot;:{&quot;id&quot;:&quot;ddc11b14-c651-45c1-bba4-83acb6bdf6a3&quot;}}">
            <a:extLst>
              <a:ext uri="{FF2B5EF4-FFF2-40B4-BE49-F238E27FC236}">
                <a16:creationId xmlns:a16="http://schemas.microsoft.com/office/drawing/2014/main" id="{9A97D492-B13C-4440-9703-0CC3B2D6BB4F}"/>
              </a:ext>
            </a:extLst>
          </p:cNvPr>
          <p:cNvSpPr/>
          <p:nvPr userDrawn="1"/>
        </p:nvSpPr>
        <p:spPr>
          <a:xfrm>
            <a:off x="6917356" y="6521116"/>
            <a:ext cx="5274644" cy="33688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en-US" sz="800" dirty="0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80144691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eting Details - all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A3C4BEE1-35A1-1FAD-6CEF-1D95327A211D}"/>
              </a:ext>
            </a:extLst>
          </p:cNvPr>
          <p:cNvGrpSpPr/>
          <p:nvPr userDrawn="1"/>
        </p:nvGrpSpPr>
        <p:grpSpPr>
          <a:xfrm>
            <a:off x="2713639" y="4870789"/>
            <a:ext cx="6764723" cy="1259890"/>
            <a:chOff x="2888727" y="3914741"/>
            <a:chExt cx="6764723" cy="1259890"/>
          </a:xfrm>
        </p:grpSpPr>
        <p:sp>
          <p:nvSpPr>
            <p:cNvPr id="9" name="Text Placeholder 1">
              <a:extLst>
                <a:ext uri="{FF2B5EF4-FFF2-40B4-BE49-F238E27FC236}">
                  <a16:creationId xmlns:a16="http://schemas.microsoft.com/office/drawing/2014/main" id="{35E9997C-5A3D-E4B3-7174-F222A683DC45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888727" y="4172698"/>
              <a:ext cx="6764723" cy="923178"/>
            </a:xfrm>
            <a:prstGeom prst="rect">
              <a:avLst/>
            </a:prstGeom>
            <a:solidFill>
              <a:schemeClr val="bg1"/>
            </a:solidFill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p:spPr>
          <p:txBody>
            <a:bodyPr vert="horz" lIns="91440" tIns="45720" rIns="91440" bIns="45720" rtlCol="0" anchor="ctr">
              <a:normAutofit fontScale="85000" lnSpcReduction="10000"/>
            </a:bodyPr>
            <a:lstStyle>
              <a:lvl1pPr marL="0" indent="0" algn="ctr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None/>
                <a:defRPr sz="5400" b="1" kern="1200">
                  <a:solidFill>
                    <a:srgbClr val="00B9FF"/>
                  </a:solidFill>
                  <a:latin typeface="Century Gothic" panose="020B0502020202020204" pitchFamily="34" charset="0"/>
                  <a:ea typeface="+mn-ea"/>
                  <a:cs typeface="+mn-cs"/>
                </a:defRPr>
              </a:lvl1pPr>
              <a:lvl2pPr marL="685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lang="en-US" sz="3600" b="1" i="1" dirty="0">
                  <a:solidFill>
                    <a:srgbClr val="054E7F"/>
                  </a:solidFill>
                </a:rPr>
                <a:t>          </a:t>
              </a:r>
              <a:r>
                <a:rPr lang="en-US" sz="3300" b="1" i="1" dirty="0">
                  <a:solidFill>
                    <a:srgbClr val="054E7F"/>
                  </a:solidFill>
                  <a:latin typeface="Century Gothic" panose="020B0502020202020204" pitchFamily="34" charset="0"/>
                  <a:cs typeface="Arial" panose="020B0604020202020204" pitchFamily="34" charset="0"/>
                </a:rPr>
                <a:t>You </a:t>
              </a:r>
              <a:r>
                <a:rPr lang="en-US" sz="3300" b="1" i="1" u="sng" dirty="0">
                  <a:solidFill>
                    <a:srgbClr val="054E7F"/>
                  </a:solidFill>
                  <a:latin typeface="Century Gothic" panose="020B0502020202020204" pitchFamily="34" charset="0"/>
                  <a:cs typeface="Arial" panose="020B0604020202020204" pitchFamily="34" charset="0"/>
                </a:rPr>
                <a:t>must</a:t>
              </a:r>
              <a:r>
                <a:rPr lang="en-US" sz="3300" b="1" i="1" dirty="0">
                  <a:solidFill>
                    <a:srgbClr val="054E7F"/>
                  </a:solidFill>
                  <a:latin typeface="Century Gothic" panose="020B0502020202020204" pitchFamily="34" charset="0"/>
                  <a:cs typeface="Arial" panose="020B0604020202020204" pitchFamily="34" charset="0"/>
                </a:rPr>
                <a:t> register to attend.</a:t>
              </a:r>
            </a:p>
            <a:p>
              <a:pPr marL="0" marR="0" lvl="0" indent="0" algn="l" defTabSz="914400" rtl="0" eaLnBrk="1" fontAlgn="auto" latinLnBrk="0" hangingPunct="1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en-US" sz="3300" b="1" i="1" u="none" strike="noStrike" kern="1200" cap="none" spc="0" normalizeH="0" baseline="0" noProof="0" dirty="0">
                  <a:ln>
                    <a:noFill/>
                  </a:ln>
                  <a:solidFill>
                    <a:srgbClr val="054E7F"/>
                  </a:solidFill>
                  <a:effectLst/>
                  <a:uLnTx/>
                  <a:uFillTx/>
                  <a:latin typeface="Century Gothic" panose="020B0502020202020204" pitchFamily="34" charset="0"/>
                  <a:ea typeface="+mn-ea"/>
                  <a:cs typeface="Arial" panose="020B0604020202020204" pitchFamily="34" charset="0"/>
                </a:rPr>
                <a:t>           Bring your parents &amp; guardians!</a:t>
              </a:r>
              <a:endParaRPr kumimoji="0" lang="en-US" sz="4200" b="1" i="1" u="none" strike="noStrike" kern="1200" cap="none" spc="0" normalizeH="0" baseline="0" noProof="0" dirty="0">
                <a:ln>
                  <a:noFill/>
                </a:ln>
                <a:solidFill>
                  <a:srgbClr val="054E7F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E8D59C4D-682C-C16A-CD66-2FCF888E65F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888728" y="3914741"/>
              <a:ext cx="1149872" cy="1259890"/>
            </a:xfrm>
            <a:prstGeom prst="rect">
              <a:avLst/>
            </a:prstGeom>
            <a:effectLst>
              <a:outerShdw blurRad="50800" dist="38100" dir="8100000" algn="tr" rotWithShape="0">
                <a:prstClr val="black">
                  <a:alpha val="40000"/>
                </a:prstClr>
              </a:outerShdw>
            </a:effectLst>
          </p:spPr>
        </p:pic>
      </p:grp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78930E8F-3BB6-69D6-60E5-00D82CA8DDA4}"/>
              </a:ext>
            </a:extLst>
          </p:cNvPr>
          <p:cNvSpPr txBox="1">
            <a:spLocks/>
          </p:cNvSpPr>
          <p:nvPr userDrawn="1"/>
        </p:nvSpPr>
        <p:spPr>
          <a:xfrm>
            <a:off x="2356826" y="777537"/>
            <a:ext cx="7478348" cy="942558"/>
          </a:xfrm>
          <a:prstGeom prst="rect">
            <a:avLst/>
          </a:prstGeom>
          <a:solidFill>
            <a:srgbClr val="054E7F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45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INFORMATIONAL MEETING</a:t>
            </a:r>
          </a:p>
        </p:txBody>
      </p:sp>
      <p:pic>
        <p:nvPicPr>
          <p:cNvPr id="12" name="Picture 11" descr="A picture containing game&#10;&#10;Description automatically generated">
            <a:extLst>
              <a:ext uri="{FF2B5EF4-FFF2-40B4-BE49-F238E27FC236}">
                <a16:creationId xmlns:a16="http://schemas.microsoft.com/office/drawing/2014/main" id="{FCB4C5A2-8007-F02B-3B66-F24CFF2AFBA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860265">
            <a:off x="348319" y="229766"/>
            <a:ext cx="2174790" cy="18123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8633011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ption 1 - Text Ms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4ACB8D18-CD54-4538-A6E0-8C2723CBD3A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11951" t="11563" r="6620" b="17401"/>
          <a:stretch/>
        </p:blipFill>
        <p:spPr>
          <a:xfrm>
            <a:off x="619124" y="963583"/>
            <a:ext cx="3272313" cy="378565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67ACE0FD-BEF4-4439-B3A0-9726F7EA3475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2396937" y="4064920"/>
            <a:ext cx="2633382" cy="2446367"/>
          </a:xfrm>
          <a:ln w="38100">
            <a:solidFill>
              <a:srgbClr val="054E7F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>
            <a:noAutofit/>
          </a:bodyPr>
          <a:lstStyle>
            <a:lvl1pPr marL="0" indent="0">
              <a:lnSpc>
                <a:spcPct val="92000"/>
              </a:lnSpc>
              <a:buNone/>
              <a:defRPr sz="3200" b="1">
                <a:solidFill>
                  <a:srgbClr val="FF0000"/>
                </a:solidFill>
              </a:defRPr>
            </a:lvl1pPr>
          </a:lstStyle>
          <a:p>
            <a:r>
              <a:rPr lang="en-US" dirty="0"/>
              <a:t>QR CODE</a:t>
            </a:r>
          </a:p>
          <a:p>
            <a:r>
              <a:rPr lang="en-US" dirty="0"/>
              <a:t>HERE</a:t>
            </a:r>
          </a:p>
        </p:txBody>
      </p:sp>
      <p:sp>
        <p:nvSpPr>
          <p:cNvPr id="4" name="MainText">
            <a:extLst>
              <a:ext uri="{FF2B5EF4-FFF2-40B4-BE49-F238E27FC236}">
                <a16:creationId xmlns:a16="http://schemas.microsoft.com/office/drawing/2014/main" id="{8FF518CE-F58F-B1C0-0D14-BD4E3E617A5E}"/>
              </a:ext>
            </a:extLst>
          </p:cNvPr>
          <p:cNvSpPr txBox="1"/>
          <p:nvPr userDrawn="1"/>
        </p:nvSpPr>
        <p:spPr>
          <a:xfrm>
            <a:off x="5124982" y="1761265"/>
            <a:ext cx="6924144" cy="359585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457200" lvl="0" indent="-320040" algn="l">
              <a:spcBef>
                <a:spcPts val="1200"/>
              </a:spcBef>
              <a:spcAft>
                <a:spcPts val="400"/>
              </a:spcAft>
              <a:buFont typeface="+mj-lt"/>
              <a:buAutoNum type="arabicPeriod"/>
            </a:pPr>
            <a:r>
              <a:rPr lang="en-US" sz="2200" b="1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Scan the QR code below with your camera</a:t>
            </a:r>
          </a:p>
          <a:p>
            <a:pPr marL="457200" marR="0" lvl="0" indent="-320040" algn="l" defTabSz="914400" rtl="0" eaLnBrk="1" fontAlgn="auto" latinLnBrk="0" hangingPunct="1">
              <a:spcBef>
                <a:spcPts val="1200"/>
              </a:spcBef>
              <a:spcAft>
                <a:spcPts val="400"/>
              </a:spcAft>
              <a:buClr>
                <a:schemeClr val="tx1"/>
              </a:buClr>
              <a:buSzTx/>
              <a:buFont typeface="+mj-lt"/>
              <a:buAutoNum type="arabicPeriod"/>
              <a:tabLst/>
              <a:defRPr/>
            </a:pPr>
            <a:r>
              <a:rPr lang="en-US" sz="2200" b="1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Click the “Compose a message” notification</a:t>
            </a:r>
          </a:p>
          <a:p>
            <a:pPr marL="800100" lvl="1" indent="-164592" algn="l">
              <a:spcBef>
                <a:spcPts val="1200"/>
              </a:spcBef>
              <a:spcAft>
                <a:spcPts val="400"/>
              </a:spcAft>
              <a:buClr>
                <a:schemeClr val="tx1"/>
              </a:buClr>
              <a:buFont typeface="Arial" panose="020B0604020202020204" pitchFamily="34" charset="0"/>
              <a:buChar char="•"/>
            </a:pPr>
            <a:r>
              <a:rPr lang="en-US" sz="1800" b="1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Apple iPhone: </a:t>
            </a:r>
            <a:r>
              <a:rPr lang="en-US" sz="1800" b="0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Change the phone number (555-555-5555) to your parent/guardian’s contact</a:t>
            </a:r>
          </a:p>
          <a:p>
            <a:pPr marL="800100" lvl="1" indent="-164592" algn="l">
              <a:spcBef>
                <a:spcPts val="1200"/>
              </a:spcBef>
              <a:spcAft>
                <a:spcPts val="400"/>
              </a:spcAft>
              <a:buClr>
                <a:schemeClr val="tx1"/>
              </a:buClr>
              <a:buFont typeface="Arial" panose="020B0604020202020204" pitchFamily="34" charset="0"/>
              <a:buChar char="•"/>
            </a:pPr>
            <a:r>
              <a:rPr lang="en-US" sz="1800" b="1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Android: </a:t>
            </a:r>
            <a:r>
              <a:rPr lang="en-US" sz="1800" b="0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Click copy &amp; compose a new message to your parent/guardian’s contact</a:t>
            </a:r>
          </a:p>
          <a:p>
            <a:pPr marL="457200" lvl="0" indent="-320040" algn="l">
              <a:spcBef>
                <a:spcPts val="1200"/>
              </a:spcBef>
              <a:spcAft>
                <a:spcPts val="400"/>
              </a:spcAft>
              <a:buClr>
                <a:schemeClr val="tx1"/>
              </a:buClr>
              <a:buFont typeface="+mj-lt"/>
              <a:buAutoNum type="arabicPeriod"/>
            </a:pPr>
            <a:r>
              <a:rPr lang="en-US" sz="2200" b="1" kern="1200" dirty="0">
                <a:solidFill>
                  <a:schemeClr val="tx1"/>
                </a:solidFill>
                <a:latin typeface="Century Gothic" panose="020B0502020202020204" pitchFamily="34" charset="0"/>
                <a:ea typeface="+mn-ea"/>
                <a:cs typeface="+mn-cs"/>
              </a:rPr>
              <a:t>Send the invite!</a:t>
            </a:r>
          </a:p>
          <a:p>
            <a:pPr marL="0" lvl="0" indent="0" algn="l">
              <a:spcBef>
                <a:spcPts val="1800"/>
              </a:spcBef>
              <a:buClr>
                <a:schemeClr val="tx1"/>
              </a:buClr>
              <a:buFont typeface="+mj-lt"/>
              <a:buNone/>
            </a:pPr>
            <a:r>
              <a:rPr lang="en-US" sz="2000" b="1" i="1" kern="1200" dirty="0">
                <a:latin typeface="Century Gothic" panose="020B0502020202020204" pitchFamily="34" charset="0"/>
              </a:rPr>
              <a:t>If that doesn’t work, send your folks this link: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52BA72A9-6D6E-8385-649A-FC9E16407767}"/>
              </a:ext>
            </a:extLst>
          </p:cNvPr>
          <p:cNvSpPr txBox="1">
            <a:spLocks/>
          </p:cNvSpPr>
          <p:nvPr userDrawn="1"/>
        </p:nvSpPr>
        <p:spPr>
          <a:xfrm>
            <a:off x="619124" y="169666"/>
            <a:ext cx="9163051" cy="731397"/>
          </a:xfrm>
          <a:prstGeom prst="rect">
            <a:avLst/>
          </a:prstGeom>
          <a:solidFill>
            <a:srgbClr val="054E7F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56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Text-Message Challenge</a:t>
            </a:r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2C1A3EDF-89DF-CB0A-F7DE-9D19E1E9CDDC}"/>
              </a:ext>
            </a:extLst>
          </p:cNvPr>
          <p:cNvSpPr/>
          <p:nvPr userDrawn="1"/>
        </p:nvSpPr>
        <p:spPr>
          <a:xfrm rot="7574817">
            <a:off x="3980736" y="2452359"/>
            <a:ext cx="1666777" cy="574301"/>
          </a:xfrm>
          <a:custGeom>
            <a:avLst/>
            <a:gdLst>
              <a:gd name="connsiteX0" fmla="*/ 0 w 2451370"/>
              <a:gd name="connsiteY0" fmla="*/ 489301 h 829769"/>
              <a:gd name="connsiteX1" fmla="*/ 77821 w 2451370"/>
              <a:gd name="connsiteY1" fmla="*/ 508757 h 829769"/>
              <a:gd name="connsiteX2" fmla="*/ 116732 w 2451370"/>
              <a:gd name="connsiteY2" fmla="*/ 537940 h 829769"/>
              <a:gd name="connsiteX3" fmla="*/ 165370 w 2451370"/>
              <a:gd name="connsiteY3" fmla="*/ 557395 h 829769"/>
              <a:gd name="connsiteX4" fmla="*/ 194553 w 2451370"/>
              <a:gd name="connsiteY4" fmla="*/ 576850 h 829769"/>
              <a:gd name="connsiteX5" fmla="*/ 282102 w 2451370"/>
              <a:gd name="connsiteY5" fmla="*/ 615761 h 829769"/>
              <a:gd name="connsiteX6" fmla="*/ 311285 w 2451370"/>
              <a:gd name="connsiteY6" fmla="*/ 635216 h 829769"/>
              <a:gd name="connsiteX7" fmla="*/ 350196 w 2451370"/>
              <a:gd name="connsiteY7" fmla="*/ 654672 h 829769"/>
              <a:gd name="connsiteX8" fmla="*/ 379379 w 2451370"/>
              <a:gd name="connsiteY8" fmla="*/ 674127 h 829769"/>
              <a:gd name="connsiteX9" fmla="*/ 408562 w 2451370"/>
              <a:gd name="connsiteY9" fmla="*/ 683855 h 829769"/>
              <a:gd name="connsiteX10" fmla="*/ 486383 w 2451370"/>
              <a:gd name="connsiteY10" fmla="*/ 722765 h 829769"/>
              <a:gd name="connsiteX11" fmla="*/ 554477 w 2451370"/>
              <a:gd name="connsiteY11" fmla="*/ 742220 h 829769"/>
              <a:gd name="connsiteX12" fmla="*/ 593387 w 2451370"/>
              <a:gd name="connsiteY12" fmla="*/ 761676 h 829769"/>
              <a:gd name="connsiteX13" fmla="*/ 622570 w 2451370"/>
              <a:gd name="connsiteY13" fmla="*/ 781131 h 829769"/>
              <a:gd name="connsiteX14" fmla="*/ 700392 w 2451370"/>
              <a:gd name="connsiteY14" fmla="*/ 800586 h 829769"/>
              <a:gd name="connsiteX15" fmla="*/ 739302 w 2451370"/>
              <a:gd name="connsiteY15" fmla="*/ 810314 h 829769"/>
              <a:gd name="connsiteX16" fmla="*/ 836579 w 2451370"/>
              <a:gd name="connsiteY16" fmla="*/ 829769 h 829769"/>
              <a:gd name="connsiteX17" fmla="*/ 1011677 w 2451370"/>
              <a:gd name="connsiteY17" fmla="*/ 820042 h 829769"/>
              <a:gd name="connsiteX18" fmla="*/ 1118681 w 2451370"/>
              <a:gd name="connsiteY18" fmla="*/ 781131 h 829769"/>
              <a:gd name="connsiteX19" fmla="*/ 1167319 w 2451370"/>
              <a:gd name="connsiteY19" fmla="*/ 751948 h 829769"/>
              <a:gd name="connsiteX20" fmla="*/ 1293779 w 2451370"/>
              <a:gd name="connsiteY20" fmla="*/ 683855 h 829769"/>
              <a:gd name="connsiteX21" fmla="*/ 1371600 w 2451370"/>
              <a:gd name="connsiteY21" fmla="*/ 615761 h 829769"/>
              <a:gd name="connsiteX22" fmla="*/ 1400783 w 2451370"/>
              <a:gd name="connsiteY22" fmla="*/ 576850 h 829769"/>
              <a:gd name="connsiteX23" fmla="*/ 1459149 w 2451370"/>
              <a:gd name="connsiteY23" fmla="*/ 518484 h 829769"/>
              <a:gd name="connsiteX24" fmla="*/ 1507787 w 2451370"/>
              <a:gd name="connsiteY24" fmla="*/ 450391 h 829769"/>
              <a:gd name="connsiteX25" fmla="*/ 1556426 w 2451370"/>
              <a:gd name="connsiteY25" fmla="*/ 392025 h 829769"/>
              <a:gd name="connsiteX26" fmla="*/ 1595336 w 2451370"/>
              <a:gd name="connsiteY26" fmla="*/ 353114 h 829769"/>
              <a:gd name="connsiteX27" fmla="*/ 1663430 w 2451370"/>
              <a:gd name="connsiteY27" fmla="*/ 275293 h 829769"/>
              <a:gd name="connsiteX28" fmla="*/ 1712068 w 2451370"/>
              <a:gd name="connsiteY28" fmla="*/ 246110 h 829769"/>
              <a:gd name="connsiteX29" fmla="*/ 1760706 w 2451370"/>
              <a:gd name="connsiteY29" fmla="*/ 197472 h 829769"/>
              <a:gd name="connsiteX30" fmla="*/ 1828800 w 2451370"/>
              <a:gd name="connsiteY30" fmla="*/ 148833 h 829769"/>
              <a:gd name="connsiteX31" fmla="*/ 1906621 w 2451370"/>
              <a:gd name="connsiteY31" fmla="*/ 100195 h 829769"/>
              <a:gd name="connsiteX32" fmla="*/ 2149813 w 2451370"/>
              <a:gd name="connsiteY32" fmla="*/ 12646 h 829769"/>
              <a:gd name="connsiteX33" fmla="*/ 2451370 w 2451370"/>
              <a:gd name="connsiteY33" fmla="*/ 2918 h 829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2451370" h="829769">
                <a:moveTo>
                  <a:pt x="0" y="489301"/>
                </a:moveTo>
                <a:cubicBezTo>
                  <a:pt x="12317" y="491765"/>
                  <a:pt x="61714" y="499553"/>
                  <a:pt x="77821" y="508757"/>
                </a:cubicBezTo>
                <a:cubicBezTo>
                  <a:pt x="91898" y="516801"/>
                  <a:pt x="102559" y="530066"/>
                  <a:pt x="116732" y="537940"/>
                </a:cubicBezTo>
                <a:cubicBezTo>
                  <a:pt x="131996" y="546420"/>
                  <a:pt x="149752" y="549586"/>
                  <a:pt x="165370" y="557395"/>
                </a:cubicBezTo>
                <a:cubicBezTo>
                  <a:pt x="175827" y="562623"/>
                  <a:pt x="184402" y="571050"/>
                  <a:pt x="194553" y="576850"/>
                </a:cubicBezTo>
                <a:cubicBezTo>
                  <a:pt x="266761" y="618112"/>
                  <a:pt x="198712" y="574066"/>
                  <a:pt x="282102" y="615761"/>
                </a:cubicBezTo>
                <a:cubicBezTo>
                  <a:pt x="292559" y="620989"/>
                  <a:pt x="301134" y="629416"/>
                  <a:pt x="311285" y="635216"/>
                </a:cubicBezTo>
                <a:cubicBezTo>
                  <a:pt x="323876" y="642411"/>
                  <a:pt x="337605" y="647477"/>
                  <a:pt x="350196" y="654672"/>
                </a:cubicBezTo>
                <a:cubicBezTo>
                  <a:pt x="360347" y="660472"/>
                  <a:pt x="368922" y="668899"/>
                  <a:pt x="379379" y="674127"/>
                </a:cubicBezTo>
                <a:cubicBezTo>
                  <a:pt x="388550" y="678713"/>
                  <a:pt x="399227" y="679612"/>
                  <a:pt x="408562" y="683855"/>
                </a:cubicBezTo>
                <a:cubicBezTo>
                  <a:pt x="434965" y="695856"/>
                  <a:pt x="458869" y="713593"/>
                  <a:pt x="486383" y="722765"/>
                </a:cubicBezTo>
                <a:cubicBezTo>
                  <a:pt x="528249" y="736721"/>
                  <a:pt x="505618" y="730006"/>
                  <a:pt x="554477" y="742220"/>
                </a:cubicBezTo>
                <a:cubicBezTo>
                  <a:pt x="567447" y="748705"/>
                  <a:pt x="580797" y="754481"/>
                  <a:pt x="593387" y="761676"/>
                </a:cubicBezTo>
                <a:cubicBezTo>
                  <a:pt x="603538" y="767477"/>
                  <a:pt x="611583" y="777136"/>
                  <a:pt x="622570" y="781131"/>
                </a:cubicBezTo>
                <a:cubicBezTo>
                  <a:pt x="647699" y="790269"/>
                  <a:pt x="674451" y="794101"/>
                  <a:pt x="700392" y="800586"/>
                </a:cubicBezTo>
                <a:cubicBezTo>
                  <a:pt x="713362" y="803829"/>
                  <a:pt x="726192" y="807692"/>
                  <a:pt x="739302" y="810314"/>
                </a:cubicBezTo>
                <a:lnTo>
                  <a:pt x="836579" y="829769"/>
                </a:lnTo>
                <a:cubicBezTo>
                  <a:pt x="894945" y="826527"/>
                  <a:pt x="953637" y="827007"/>
                  <a:pt x="1011677" y="820042"/>
                </a:cubicBezTo>
                <a:cubicBezTo>
                  <a:pt x="1050033" y="815439"/>
                  <a:pt x="1085489" y="799571"/>
                  <a:pt x="1118681" y="781131"/>
                </a:cubicBezTo>
                <a:cubicBezTo>
                  <a:pt x="1135209" y="771949"/>
                  <a:pt x="1150721" y="761002"/>
                  <a:pt x="1167319" y="751948"/>
                </a:cubicBezTo>
                <a:cubicBezTo>
                  <a:pt x="1238242" y="713263"/>
                  <a:pt x="1219810" y="730926"/>
                  <a:pt x="1293779" y="683855"/>
                </a:cubicBezTo>
                <a:cubicBezTo>
                  <a:pt x="1322781" y="665399"/>
                  <a:pt x="1349037" y="641547"/>
                  <a:pt x="1371600" y="615761"/>
                </a:cubicBezTo>
                <a:cubicBezTo>
                  <a:pt x="1382276" y="603560"/>
                  <a:pt x="1389937" y="588901"/>
                  <a:pt x="1400783" y="576850"/>
                </a:cubicBezTo>
                <a:cubicBezTo>
                  <a:pt x="1419189" y="556399"/>
                  <a:pt x="1459149" y="518484"/>
                  <a:pt x="1459149" y="518484"/>
                </a:cubicBezTo>
                <a:cubicBezTo>
                  <a:pt x="1476195" y="467346"/>
                  <a:pt x="1458911" y="504697"/>
                  <a:pt x="1507787" y="450391"/>
                </a:cubicBezTo>
                <a:cubicBezTo>
                  <a:pt x="1524729" y="431567"/>
                  <a:pt x="1539484" y="410849"/>
                  <a:pt x="1556426" y="392025"/>
                </a:cubicBezTo>
                <a:cubicBezTo>
                  <a:pt x="1568697" y="378391"/>
                  <a:pt x="1583257" y="366918"/>
                  <a:pt x="1595336" y="353114"/>
                </a:cubicBezTo>
                <a:cubicBezTo>
                  <a:pt x="1629391" y="314193"/>
                  <a:pt x="1619994" y="309076"/>
                  <a:pt x="1663430" y="275293"/>
                </a:cubicBezTo>
                <a:cubicBezTo>
                  <a:pt x="1678354" y="263685"/>
                  <a:pt x="1697304" y="257921"/>
                  <a:pt x="1712068" y="246110"/>
                </a:cubicBezTo>
                <a:cubicBezTo>
                  <a:pt x="1729972" y="231787"/>
                  <a:pt x="1743092" y="212150"/>
                  <a:pt x="1760706" y="197472"/>
                </a:cubicBezTo>
                <a:cubicBezTo>
                  <a:pt x="1782135" y="179615"/>
                  <a:pt x="1805591" y="164306"/>
                  <a:pt x="1828800" y="148833"/>
                </a:cubicBezTo>
                <a:cubicBezTo>
                  <a:pt x="1854252" y="131865"/>
                  <a:pt x="1879043" y="113432"/>
                  <a:pt x="1906621" y="100195"/>
                </a:cubicBezTo>
                <a:cubicBezTo>
                  <a:pt x="1996388" y="57107"/>
                  <a:pt x="2059158" y="30777"/>
                  <a:pt x="2149813" y="12646"/>
                </a:cubicBezTo>
                <a:cubicBezTo>
                  <a:pt x="2253483" y="-8088"/>
                  <a:pt x="2335707" y="2918"/>
                  <a:pt x="2451370" y="2918"/>
                </a:cubicBezTo>
              </a:path>
            </a:pathLst>
          </a:custGeom>
          <a:noFill/>
          <a:ln w="19050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Text Placeholder 1">
            <a:extLst>
              <a:ext uri="{FF2B5EF4-FFF2-40B4-BE49-F238E27FC236}">
                <a16:creationId xmlns:a16="http://schemas.microsoft.com/office/drawing/2014/main" id="{6EA6FFBA-3DDE-45BB-99CA-D06521D2CF14}"/>
              </a:ext>
            </a:extLst>
          </p:cNvPr>
          <p:cNvSpPr txBox="1">
            <a:spLocks/>
          </p:cNvSpPr>
          <p:nvPr userDrawn="1"/>
        </p:nvSpPr>
        <p:spPr>
          <a:xfrm>
            <a:off x="4752976" y="966990"/>
            <a:ext cx="7035234" cy="728460"/>
          </a:xfrm>
          <a:prstGeom prst="rect">
            <a:avLst/>
          </a:prstGeom>
          <a:solidFill>
            <a:srgbClr val="0883D6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48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PULL OUT YOUR PHONE!</a:t>
            </a:r>
          </a:p>
        </p:txBody>
      </p:sp>
      <p:pic>
        <p:nvPicPr>
          <p:cNvPr id="12" name="Graphic 11" descr="Airplane with solid fill">
            <a:extLst>
              <a:ext uri="{FF2B5EF4-FFF2-40B4-BE49-F238E27FC236}">
                <a16:creationId xmlns:a16="http://schemas.microsoft.com/office/drawing/2014/main" id="{705F517A-DB0D-63BB-8C6C-8F128F694C7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rot="12575926">
            <a:off x="4151928" y="3530826"/>
            <a:ext cx="560369" cy="560369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84B3186F-56D7-3B4F-9291-71AA352E4BB3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54070" y="4606124"/>
            <a:ext cx="2082210" cy="2082210"/>
          </a:xfrm>
          <a:prstGeom prst="rect">
            <a:avLst/>
          </a:prstGeom>
        </p:spPr>
      </p:pic>
      <p:sp>
        <p:nvSpPr>
          <p:cNvPr id="3" name="Rectangle 2" descr="{&quot;templafy&quot;:{&quot;id&quot;:&quot;55c0d8f8-8e59-4918-a468-5509ec959c0c&quot;}}">
            <a:extLst>
              <a:ext uri="{FF2B5EF4-FFF2-40B4-BE49-F238E27FC236}">
                <a16:creationId xmlns:a16="http://schemas.microsoft.com/office/drawing/2014/main" id="{FA220ABC-FF36-F3AA-9242-D0643498B76D}"/>
              </a:ext>
            </a:extLst>
          </p:cNvPr>
          <p:cNvSpPr/>
          <p:nvPr userDrawn="1"/>
        </p:nvSpPr>
        <p:spPr>
          <a:xfrm>
            <a:off x="5232400" y="5364480"/>
            <a:ext cx="5344160" cy="690880"/>
          </a:xfrm>
          <a:prstGeom prst="rect">
            <a:avLst/>
          </a:prstGeom>
          <a:solidFill>
            <a:srgbClr val="00CCFF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3200" b="1" dirty="0">
                <a:ln>
                  <a:solidFill>
                    <a:srgbClr val="054E7F"/>
                  </a:solidFill>
                </a:ln>
                <a:solidFill>
                  <a:schemeClr val="bg1"/>
                </a:solidFill>
                <a:latin typeface="Century Gothic" panose="020B0502020202020204" pitchFamily="34" charset="0"/>
              </a:rPr>
              <a:t>https://bit.ly/3Ldm8o8</a:t>
            </a:r>
          </a:p>
        </p:txBody>
      </p:sp>
    </p:spTree>
    <p:extLst>
      <p:ext uri="{BB962C8B-B14F-4D97-AF65-F5344CB8AC3E}">
        <p14:creationId xmlns:p14="http://schemas.microsoft.com/office/powerpoint/2010/main" val="737737257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13"/>
          <p:cNvSpPr>
            <a:spLocks noGrp="1"/>
          </p:cNvSpPr>
          <p:nvPr>
            <p:ph type="body" sz="quarter" idx="10" hasCustomPrompt="1"/>
          </p:nvPr>
        </p:nvSpPr>
        <p:spPr>
          <a:xfrm>
            <a:off x="2083702" y="2525641"/>
            <a:ext cx="7942262" cy="1114868"/>
          </a:xfrm>
        </p:spPr>
        <p:txBody>
          <a:bodyPr>
            <a:normAutofit/>
          </a:bodyPr>
          <a:lstStyle>
            <a:lvl1pPr marL="0" indent="0" algn="ctr">
              <a:buNone/>
              <a:defRPr sz="7700" b="1" baseline="0">
                <a:solidFill>
                  <a:srgbClr val="00B0F0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lick to edit</a:t>
            </a:r>
          </a:p>
        </p:txBody>
      </p:sp>
      <p:sp>
        <p:nvSpPr>
          <p:cNvPr id="3" name="Text Placeholder 5"/>
          <p:cNvSpPr>
            <a:spLocks noGrp="1"/>
          </p:cNvSpPr>
          <p:nvPr>
            <p:ph type="body" sz="quarter" idx="11" hasCustomPrompt="1"/>
          </p:nvPr>
        </p:nvSpPr>
        <p:spPr>
          <a:xfrm>
            <a:off x="-9525" y="6140450"/>
            <a:ext cx="12201526" cy="717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i="1" baseline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of destinations OR tour name here</a:t>
            </a:r>
          </a:p>
        </p:txBody>
      </p:sp>
    </p:spTree>
    <p:extLst>
      <p:ext uri="{BB962C8B-B14F-4D97-AF65-F5344CB8AC3E}">
        <p14:creationId xmlns:p14="http://schemas.microsoft.com/office/powerpoint/2010/main" val="160270807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3BC56A3-E97A-43A6-B39F-5A313C55E01A}" type="datetimeFigureOut">
              <a:rPr lang="en-US"/>
              <a:t>9/12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616F057-21BD-40F9-B2B5-53A4719BDB1C}" type="slidenum">
              <a:rPr lang="en-US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7546641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/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869"/>
          <a:stretch/>
        </p:blipFill>
        <p:spPr>
          <a:xfrm>
            <a:off x="0" y="0"/>
            <a:ext cx="12228934" cy="68579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7544177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5" Type="http://schemas.openxmlformats.org/officeDocument/2006/relationships/slideLayout" Target="../slideLayouts/slideLayout5.xml"/><Relationship Id="rId4" Type="http://schemas.openxmlformats.org/officeDocument/2006/relationships/slideLayout" Target="../slideLayouts/slideLayout4.xml"/><Relationship Id="rId9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BCEAF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66D7D0C-F332-7F8D-39E2-77CA5276C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85CAFAD-1C95-F1BC-9CCE-48A97AFF12D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C26EDCA-5560-C628-8852-DEFF519DDB4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A98C1F0A-0E4D-40DA-9857-DC0A05FBBA89}" type="datetimeFigureOut">
              <a:rPr lang="en-US" smtClean="0"/>
              <a:t>9/12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B094C02-146C-457D-D6C8-7139B2A960D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9B88662-0C5D-878F-4FD5-332E26F2F21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0A7EA62-42EF-403F-837F-71D87D6CED6D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796420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5" r:id="rId1"/>
    <p:sldLayoutId id="2147483665" r:id="rId2"/>
    <p:sldLayoutId id="2147483660" r:id="rId3"/>
    <p:sldLayoutId id="2147483666" r:id="rId4"/>
    <p:sldLayoutId id="2147483662" r:id="rId5"/>
    <p:sldLayoutId id="2147483668" r:id="rId6"/>
    <p:sldLayoutId id="2147483669" r:id="rId7"/>
    <p:sldLayoutId id="2147483670" r:id="rId8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tags" Target="../tags/tag6.xml"/><Relationship Id="rId13" Type="http://schemas.openxmlformats.org/officeDocument/2006/relationships/image" Target="../media/image9.jpeg"/><Relationship Id="rId18" Type="http://schemas.openxmlformats.org/officeDocument/2006/relationships/image" Target="../media/image14.jpeg"/><Relationship Id="rId3" Type="http://schemas.openxmlformats.org/officeDocument/2006/relationships/tags" Target="../tags/tag1.xml"/><Relationship Id="rId7" Type="http://schemas.openxmlformats.org/officeDocument/2006/relationships/tags" Target="../tags/tag5.xml"/><Relationship Id="rId12" Type="http://schemas.openxmlformats.org/officeDocument/2006/relationships/image" Target="../media/image8.jpeg"/><Relationship Id="rId17" Type="http://schemas.openxmlformats.org/officeDocument/2006/relationships/image" Target="../media/image13.jpeg"/><Relationship Id="rId2" Type="http://schemas.openxmlformats.org/officeDocument/2006/relationships/customXml" Target="../../customXml/item23.xml"/><Relationship Id="rId16" Type="http://schemas.openxmlformats.org/officeDocument/2006/relationships/image" Target="../media/image12.jpeg"/><Relationship Id="rId1" Type="http://schemas.openxmlformats.org/officeDocument/2006/relationships/customXml" Target="../../customXml/item22.xml"/><Relationship Id="rId6" Type="http://schemas.openxmlformats.org/officeDocument/2006/relationships/tags" Target="../tags/tag4.xml"/><Relationship Id="rId11" Type="http://schemas.openxmlformats.org/officeDocument/2006/relationships/slideLayout" Target="../slideLayouts/slideLayout1.xml"/><Relationship Id="rId5" Type="http://schemas.openxmlformats.org/officeDocument/2006/relationships/tags" Target="../tags/tag3.xml"/><Relationship Id="rId15" Type="http://schemas.openxmlformats.org/officeDocument/2006/relationships/image" Target="../media/image11.jpeg"/><Relationship Id="rId10" Type="http://schemas.openxmlformats.org/officeDocument/2006/relationships/tags" Target="../tags/tag8.xml"/><Relationship Id="rId19" Type="http://schemas.openxmlformats.org/officeDocument/2006/relationships/image" Target="../media/image15.jpeg"/><Relationship Id="rId4" Type="http://schemas.openxmlformats.org/officeDocument/2006/relationships/tags" Target="../tags/tag2.xml"/><Relationship Id="rId9" Type="http://schemas.openxmlformats.org/officeDocument/2006/relationships/tags" Target="../tags/tag7.xml"/><Relationship Id="rId14" Type="http://schemas.openxmlformats.org/officeDocument/2006/relationships/image" Target="../media/image10.jpeg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2.bin"/><Relationship Id="rId3" Type="http://schemas.openxmlformats.org/officeDocument/2006/relationships/tags" Target="../tags/tag19.xml"/><Relationship Id="rId7" Type="http://schemas.openxmlformats.org/officeDocument/2006/relationships/image" Target="../media/image31.bin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30.bin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8.xml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jpeg"/><Relationship Id="rId13" Type="http://schemas.openxmlformats.org/officeDocument/2006/relationships/image" Target="../media/image38.png"/><Relationship Id="rId3" Type="http://schemas.openxmlformats.org/officeDocument/2006/relationships/tags" Target="../tags/tag20.xml"/><Relationship Id="rId7" Type="http://schemas.openxmlformats.org/officeDocument/2006/relationships/notesSlide" Target="../notesSlides/notesSlide6.xml"/><Relationship Id="rId12" Type="http://schemas.openxmlformats.org/officeDocument/2006/relationships/image" Target="../media/image37.jpeg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6" Type="http://schemas.openxmlformats.org/officeDocument/2006/relationships/slideLayout" Target="../slideLayouts/slideLayout3.xml"/><Relationship Id="rId11" Type="http://schemas.openxmlformats.org/officeDocument/2006/relationships/image" Target="../media/image36.jpeg"/><Relationship Id="rId5" Type="http://schemas.openxmlformats.org/officeDocument/2006/relationships/tags" Target="../tags/tag22.xml"/><Relationship Id="rId15" Type="http://schemas.openxmlformats.org/officeDocument/2006/relationships/image" Target="../media/image40.jpeg"/><Relationship Id="rId10" Type="http://schemas.openxmlformats.org/officeDocument/2006/relationships/image" Target="../media/image35.jpeg"/><Relationship Id="rId4" Type="http://schemas.openxmlformats.org/officeDocument/2006/relationships/tags" Target="../tags/tag21.xml"/><Relationship Id="rId9" Type="http://schemas.openxmlformats.org/officeDocument/2006/relationships/image" Target="../media/image34.jpeg"/><Relationship Id="rId14" Type="http://schemas.openxmlformats.org/officeDocument/2006/relationships/image" Target="../media/image39.gif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39.xml"/><Relationship Id="rId5" Type="http://schemas.openxmlformats.org/officeDocument/2006/relationships/image" Target="../media/image41.png"/><Relationship Id="rId4" Type="http://schemas.openxmlformats.org/officeDocument/2006/relationships/notesSlide" Target="../notesSlides/notesSlide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9.xml"/><Relationship Id="rId7" Type="http://schemas.openxmlformats.org/officeDocument/2006/relationships/image" Target="../media/image16.bin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37.x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6.xml"/><Relationship Id="rId4" Type="http://schemas.openxmlformats.org/officeDocument/2006/relationships/tags" Target="../tags/tag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6.xml"/><Relationship Id="rId6" Type="http://schemas.openxmlformats.org/officeDocument/2006/relationships/image" Target="../media/image18.bin"/><Relationship Id="rId5" Type="http://schemas.openxmlformats.org/officeDocument/2006/relationships/image" Target="../media/image17.bin"/><Relationship Id="rId4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7" Type="http://schemas.openxmlformats.org/officeDocument/2006/relationships/image" Target="../media/image20.bin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19.bin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13.xml"/><Relationship Id="rId7" Type="http://schemas.openxmlformats.org/officeDocument/2006/relationships/image" Target="../media/image22.bin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21.bin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7" Type="http://schemas.openxmlformats.org/officeDocument/2006/relationships/image" Target="../media/image24.bin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19.xml"/><Relationship Id="rId6" Type="http://schemas.openxmlformats.org/officeDocument/2006/relationships/image" Target="../media/image23.bin"/><Relationship Id="rId5" Type="http://schemas.openxmlformats.org/officeDocument/2006/relationships/slideLayout" Target="../slideLayouts/slideLayout1.xml"/><Relationship Id="rId4" Type="http://schemas.openxmlformats.org/officeDocument/2006/relationships/tags" Target="../tags/tag1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16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2.xml"/><Relationship Id="rId6" Type="http://schemas.openxmlformats.org/officeDocument/2006/relationships/image" Target="../media/image26.bin"/><Relationship Id="rId5" Type="http://schemas.openxmlformats.org/officeDocument/2006/relationships/image" Target="../media/image25.bin"/><Relationship Id="rId4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17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0.xml"/><Relationship Id="rId5" Type="http://schemas.openxmlformats.org/officeDocument/2006/relationships/image" Target="../media/image27.bin"/><Relationship Id="rId4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18.xml"/><Relationship Id="rId7" Type="http://schemas.openxmlformats.org/officeDocument/2006/relationships/image" Target="../media/image29.bin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6.xml"/><Relationship Id="rId6" Type="http://schemas.openxmlformats.org/officeDocument/2006/relationships/image" Target="../media/image28.bin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1">
            <a:extLst>
              <a:ext uri="{FF2B5EF4-FFF2-40B4-BE49-F238E27FC236}">
                <a16:creationId xmlns:a16="http://schemas.microsoft.com/office/drawing/2014/main" id="{C5BD4E5F-4ECA-4A6A-9DC4-FFA7588E7514}"/>
              </a:ext>
            </a:extLst>
          </p:cNvPr>
          <p:cNvSpPr txBox="1">
            <a:spLocks/>
          </p:cNvSpPr>
          <p:nvPr/>
        </p:nvSpPr>
        <p:spPr>
          <a:xfrm>
            <a:off x="2996530" y="1965125"/>
            <a:ext cx="5785738" cy="889921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5400" b="1" i="0" u="none" strike="noStrike" kern="1200" cap="none" spc="0" normalizeH="0" baseline="0" noProof="0" dirty="0">
                <a:ln>
                  <a:noFill/>
                </a:ln>
                <a:solidFill>
                  <a:srgbClr val="0B94C5"/>
                </a:solidFill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Pack your bags!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0F9B88D-E461-41F7-B054-EC647DBA7A21}"/>
              </a:ext>
            </a:extLst>
          </p:cNvPr>
          <p:cNvSpPr txBox="1">
            <a:spLocks/>
          </p:cNvSpPr>
          <p:nvPr/>
        </p:nvSpPr>
        <p:spPr>
          <a:xfrm>
            <a:off x="3560970" y="3067264"/>
            <a:ext cx="5785739" cy="889921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5400" b="1" i="0" u="none" strike="noStrike" kern="1200" cap="none" spc="0" normalizeH="0" baseline="0" noProof="0" dirty="0">
                <a:ln>
                  <a:noFill/>
                </a:ln>
                <a:solidFill>
                  <a:srgbClr val="0B94C5"/>
                </a:solidFill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We’re going to… </a:t>
            </a:r>
          </a:p>
        </p:txBody>
      </p:sp>
      <p:pic>
        <p:nvPicPr>
          <p:cNvPr id="11" name="Picture 2">
            <a:extLst>
              <a:ext uri="{FF2B5EF4-FFF2-40B4-BE49-F238E27FC236}">
                <a16:creationId xmlns:a16="http://schemas.microsoft.com/office/drawing/2014/main" id="{C8744803-50A0-7B11-63FC-A5BE1F97D939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7877" b="7877"/>
          <a:stretch/>
        </p:blipFill>
        <p:spPr>
          <a:xfrm>
            <a:off x="197546" y="232914"/>
            <a:ext cx="2650698" cy="3008828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9" name="Picture 13">
            <a:extLst>
              <a:ext uri="{FF2B5EF4-FFF2-40B4-BE49-F238E27FC236}">
                <a16:creationId xmlns:a16="http://schemas.microsoft.com/office/drawing/2014/main" id="{0F88EB39-BAB1-9976-E531-20300D76344B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19698" t="3674" r="9308" b="13192"/>
          <a:stretch/>
        </p:blipFill>
        <p:spPr>
          <a:xfrm>
            <a:off x="8973616" y="338601"/>
            <a:ext cx="3030363" cy="236154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81379D9F-A1D6-D050-13ED-2F4D58C904BD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 rotWithShape="1"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4594"/>
          <a:stretch/>
        </p:blipFill>
        <p:spPr>
          <a:xfrm>
            <a:off x="3540550" y="4328615"/>
            <a:ext cx="3336500" cy="2330857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68FD04AB-5BF2-66B1-4C26-09E81A49078C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 rotWithShape="1"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23184" r="13627" b="8483"/>
          <a:stretch/>
        </p:blipFill>
        <p:spPr>
          <a:xfrm>
            <a:off x="403782" y="3452131"/>
            <a:ext cx="2942939" cy="2844664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19CEA01A-8754-3BED-C99C-4B31508443FD}"/>
              </a:ext>
            </a:extLst>
          </p:cNvPr>
          <p:cNvPicPr>
            <a:picLocks noChangeAspect="1"/>
          </p:cNvPicPr>
          <p:nvPr>
            <p:custDataLst>
              <p:tags r:id="rId7"/>
            </p:custDataLst>
          </p:nvPr>
        </p:nvPicPr>
        <p:blipFill rotWithShape="1">
          <a:blip r:embed="rId1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26009" r="9428" b="17554"/>
          <a:stretch/>
        </p:blipFill>
        <p:spPr>
          <a:xfrm>
            <a:off x="7080545" y="4119525"/>
            <a:ext cx="2455954" cy="221200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9EDCC915-E4E0-121C-A9FF-EC31890A96E0}"/>
              </a:ext>
            </a:extLst>
          </p:cNvPr>
          <p:cNvPicPr>
            <a:picLocks noChangeAspect="1"/>
          </p:cNvPicPr>
          <p:nvPr>
            <p:custDataLst>
              <p:tags r:id="rId8"/>
            </p:custDataLst>
          </p:nvPr>
        </p:nvPicPr>
        <p:blipFill rotWithShape="1">
          <a:blip r:embed="rId1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23469" t="-47" r="23220" b="10115"/>
          <a:stretch/>
        </p:blipFill>
        <p:spPr>
          <a:xfrm>
            <a:off x="9739994" y="3067264"/>
            <a:ext cx="2299225" cy="2586460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9" name="Picture 3">
            <a:extLst>
              <a:ext uri="{FF2B5EF4-FFF2-40B4-BE49-F238E27FC236}">
                <a16:creationId xmlns:a16="http://schemas.microsoft.com/office/drawing/2014/main" id="{6696C2B1-C886-9FA3-232E-DD77F64FEE77}"/>
              </a:ext>
            </a:extLst>
          </p:cNvPr>
          <p:cNvPicPr>
            <a:picLocks noChangeAspect="1"/>
          </p:cNvPicPr>
          <p:nvPr>
            <p:custDataLst>
              <p:tags r:id="rId9"/>
            </p:custDataLst>
          </p:nvPr>
        </p:nvPicPr>
        <p:blipFill rotWithShape="1">
          <a:blip r:embed="rId1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225" t="5579" r="12007" b="11603"/>
          <a:stretch/>
        </p:blipFill>
        <p:spPr>
          <a:xfrm>
            <a:off x="5684112" y="175795"/>
            <a:ext cx="2977841" cy="1636517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0404F2B1-1931-D897-FCCA-FC24A0197906}"/>
              </a:ext>
            </a:extLst>
          </p:cNvPr>
          <p:cNvPicPr>
            <a:picLocks noChangeAspect="1"/>
          </p:cNvPicPr>
          <p:nvPr>
            <p:custDataLst>
              <p:tags r:id="rId10"/>
            </p:custDataLst>
          </p:nvPr>
        </p:nvPicPr>
        <p:blipFill rotWithShape="1">
          <a:blip r:embed="rId1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6105" t="6801" r="3498" b="3112"/>
          <a:stretch/>
        </p:blipFill>
        <p:spPr>
          <a:xfrm>
            <a:off x="3064658" y="118645"/>
            <a:ext cx="2396040" cy="1588891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7543400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/>
          <p:cNvSpPr/>
          <p:nvPr/>
        </p:nvSpPr>
        <p:spPr>
          <a:xfrm>
            <a:off x="1941360" y="797063"/>
            <a:ext cx="7622600" cy="830997"/>
          </a:xfrm>
          <a:prstGeom prst="rect">
            <a:avLst/>
          </a:prstGeom>
          <a:solidFill>
            <a:schemeClr val="bg1"/>
          </a:solidFill>
        </p:spPr>
        <p:txBody>
          <a:bodyPr wrap="none" lIns="91440" tIns="45720" rIns="91440" bIns="4572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4800" b="1" i="0" u="none" strike="noStrike" kern="1200" cap="none" spc="0" normalizeH="0" baseline="0" noProof="0" dirty="0">
                <a:ln w="0"/>
                <a:solidFill>
                  <a:prstClr val="black"/>
                </a:solidFill>
                <a:uLnTx/>
                <a:uFillTx/>
                <a:latin typeface="Courier New" panose="02070309020205020404" pitchFamily="49" charset="0"/>
                <a:ea typeface="+mn-ea"/>
                <a:cs typeface="+mn-cs"/>
              </a:rPr>
              <a:t>All about the paella</a:t>
            </a:r>
          </a:p>
        </p:txBody>
      </p:sp>
      <p:pic>
        <p:nvPicPr>
          <p:cNvPr id="4098" name="Picture 2" descr="https://media0.giphy.com/media/3o7aDadH5tfOUBzdDy/giphy.gif"/>
          <p:cNvPicPr>
            <a:picLocks noChangeAspect="1" noChangeArrowheads="1" noCrop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5486400" y="2195605"/>
            <a:ext cx="6358970" cy="34311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0" name="Picture 4" descr="el saler valencia Sticker by Ca Pepe"/>
          <p:cNvPicPr>
            <a:picLocks noChangeAspect="1" noChangeArrowheads="1" noCrop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9806768" y="3241567"/>
            <a:ext cx="2385232" cy="23852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2" name="Picture 6" descr="fried rice on pot"/>
          <p:cNvPicPr>
            <a:picLocks noChangeAspect="1" noChangeArrowheads="1"/>
          </p:cNvPicPr>
          <p:nvPr/>
        </p:nvPicPr>
        <p:blipFill rotWithShape="1"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 flipH="1">
            <a:off x="300786" y="2195605"/>
            <a:ext cx="5029202" cy="34311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75030006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1">
            <a:extLst>
              <a:ext uri="{FF2B5EF4-FFF2-40B4-BE49-F238E27FC236}">
                <a16:creationId xmlns:a16="http://schemas.microsoft.com/office/drawing/2014/main" id="{D4683E78-6A0E-44E5-820D-EB174D262031}"/>
              </a:ext>
            </a:extLst>
          </p:cNvPr>
          <p:cNvSpPr txBox="1">
            <a:spLocks/>
          </p:cNvSpPr>
          <p:nvPr/>
        </p:nvSpPr>
        <p:spPr>
          <a:xfrm>
            <a:off x="94780" y="2986631"/>
            <a:ext cx="7983347" cy="1056202"/>
          </a:xfrm>
          <a:prstGeom prst="rect">
            <a:avLst/>
          </a:prstGeom>
          <a:solidFill>
            <a:schemeClr val="bg1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rmAutofit fontScale="92500"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7200" b="1" i="0" u="none" strike="noStrike" kern="1200" cap="none" spc="0" normalizeH="0" baseline="0" noProof="0" dirty="0">
                <a:ln>
                  <a:noFill/>
                </a:ln>
                <a:solidFill>
                  <a:srgbClr val="0B94C5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This could be YOU!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ADE3B4BF-36A5-04FC-CE96-17F2A36C2EB3}"/>
              </a:ext>
            </a:extLst>
          </p:cNvPr>
          <p:cNvGrpSpPr/>
          <p:nvPr/>
        </p:nvGrpSpPr>
        <p:grpSpPr>
          <a:xfrm>
            <a:off x="8144984" y="398348"/>
            <a:ext cx="3952236" cy="6173563"/>
            <a:chOff x="8149012" y="500366"/>
            <a:chExt cx="3863248" cy="6173563"/>
          </a:xfrm>
        </p:grpSpPr>
        <p:pic>
          <p:nvPicPr>
            <p:cNvPr id="2050" name="Picture 2" descr="Image">
              <a:extLst>
                <a:ext uri="{FF2B5EF4-FFF2-40B4-BE49-F238E27FC236}">
                  <a16:creationId xmlns:a16="http://schemas.microsoft.com/office/drawing/2014/main" id="{86D719F5-F1D0-ADD5-1BA2-0356787696A0}"/>
                </a:ext>
              </a:extLst>
            </p:cNvPr>
            <p:cNvPicPr>
              <a:picLocks noChangeAspect="1" noChangeArrowheads="1"/>
            </p:cNvPicPr>
            <p:nvPr/>
          </p:nvPicPr>
          <p:blipFill rotWithShape="1">
            <a:blip r:embed="rId8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t="6614"/>
            <a:stretch/>
          </p:blipFill>
          <p:spPr bwMode="auto">
            <a:xfrm>
              <a:off x="8149012" y="500366"/>
              <a:ext cx="3862789" cy="6173563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0A02A92B-887C-5F90-66A6-1E3FC5AAAA27}"/>
                </a:ext>
              </a:extLst>
            </p:cNvPr>
            <p:cNvSpPr/>
            <p:nvPr/>
          </p:nvSpPr>
          <p:spPr>
            <a:xfrm>
              <a:off x="8608977" y="777648"/>
              <a:ext cx="1079771" cy="188444"/>
            </a:xfrm>
            <a:prstGeom prst="rect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59ED9796-30C3-A69C-DAE4-A467B146C7EC}"/>
                </a:ext>
              </a:extLst>
            </p:cNvPr>
            <p:cNvSpPr/>
            <p:nvPr/>
          </p:nvSpPr>
          <p:spPr>
            <a:xfrm>
              <a:off x="9475507" y="5784150"/>
              <a:ext cx="1079771" cy="188444"/>
            </a:xfrm>
            <a:prstGeom prst="rect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583B7BFC-DB11-C38C-51DC-3D4E32B165DF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9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26403" t="-378" r="14381" b="378"/>
            <a:stretch/>
          </p:blipFill>
          <p:spPr>
            <a:xfrm>
              <a:off x="8149471" y="1040683"/>
              <a:ext cx="3862789" cy="5005063"/>
            </a:xfrm>
            <a:prstGeom prst="rect">
              <a:avLst/>
            </a:prstGeom>
          </p:spPr>
        </p:pic>
        <p:sp>
          <p:nvSpPr>
            <p:cNvPr id="2" name="Rectangle 1">
              <a:extLst>
                <a:ext uri="{FF2B5EF4-FFF2-40B4-BE49-F238E27FC236}">
                  <a16:creationId xmlns:a16="http://schemas.microsoft.com/office/drawing/2014/main" id="{DF6951E5-2A41-0333-BCE1-7668557B2B7F}"/>
                </a:ext>
              </a:extLst>
            </p:cNvPr>
            <p:cNvSpPr/>
            <p:nvPr/>
          </p:nvSpPr>
          <p:spPr>
            <a:xfrm>
              <a:off x="8608977" y="583291"/>
              <a:ext cx="1274581" cy="393384"/>
            </a:xfrm>
            <a:prstGeom prst="rect">
              <a:avLst/>
            </a:prstGeom>
            <a:solidFill>
              <a:schemeClr val="tx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r>
                <a:rPr lang="en-US" sz="1400" dirty="0"/>
                <a:t>picsontour</a:t>
              </a:r>
            </a:p>
          </p:txBody>
        </p:sp>
      </p:grpSp>
      <p:pic>
        <p:nvPicPr>
          <p:cNvPr id="25" name="Picture Placeholder 3">
            <a:extLst>
              <a:ext uri="{FF2B5EF4-FFF2-40B4-BE49-F238E27FC236}">
                <a16:creationId xmlns:a16="http://schemas.microsoft.com/office/drawing/2014/main" id="{5A97FFE0-2BFD-43BB-8343-509FECF736E7}"/>
              </a:ext>
            </a:extLst>
          </p:cNvPr>
          <p:cNvPicPr>
            <a:picLocks noGrp="1" noChangeAspect="1"/>
          </p:cNvPicPr>
          <p:nvPr>
            <p:ph type="pic" sz="quarter" idx="10"/>
            <p:custDataLst>
              <p:tags r:id="rId3"/>
            </p:custDataLst>
          </p:nvPr>
        </p:nvPicPr>
        <p:blipFill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71" r="71"/>
          <a:stretch/>
        </p:blipFill>
        <p:spPr>
          <a:xfrm>
            <a:off x="4139076" y="242279"/>
            <a:ext cx="3858663" cy="2575413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47" name="Picture Placeholder 40">
            <a:extLst>
              <a:ext uri="{FF2B5EF4-FFF2-40B4-BE49-F238E27FC236}">
                <a16:creationId xmlns:a16="http://schemas.microsoft.com/office/drawing/2014/main" id="{4F703E83-3B09-4577-919B-D3E64D7164EF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4"/>
            </p:custDataLst>
          </p:nvPr>
        </p:nvPicPr>
        <p:blipFill rotWithShape="1"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19451" t="25576" r="25024" b="27408"/>
          <a:stretch/>
        </p:blipFill>
        <p:spPr>
          <a:xfrm>
            <a:off x="257650" y="4167963"/>
            <a:ext cx="3785335" cy="2403948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pic>
        <p:nvPicPr>
          <p:cNvPr id="3" name="Picture Placeholder 40">
            <a:extLst>
              <a:ext uri="{FF2B5EF4-FFF2-40B4-BE49-F238E27FC236}">
                <a16:creationId xmlns:a16="http://schemas.microsoft.com/office/drawing/2014/main" id="{B00DA896-9704-5192-6F1B-8C8EA746C15A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 rotWithShape="1">
          <a:blip r:embed="rId1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8994" t="37186" r="18952" b="27855"/>
          <a:stretch/>
        </p:blipFill>
        <p:spPr>
          <a:xfrm>
            <a:off x="4243874" y="4181490"/>
            <a:ext cx="3712006" cy="2403948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  <p:grpSp>
        <p:nvGrpSpPr>
          <p:cNvPr id="4" name="Group 3">
            <a:extLst>
              <a:ext uri="{FF2B5EF4-FFF2-40B4-BE49-F238E27FC236}">
                <a16:creationId xmlns:a16="http://schemas.microsoft.com/office/drawing/2014/main" id="{E482CB5C-8A3D-5D93-0593-FFDA2DCCC463}"/>
              </a:ext>
            </a:extLst>
          </p:cNvPr>
          <p:cNvGrpSpPr/>
          <p:nvPr/>
        </p:nvGrpSpPr>
        <p:grpSpPr>
          <a:xfrm>
            <a:off x="7846444" y="3407213"/>
            <a:ext cx="1354692" cy="2882366"/>
            <a:chOff x="7859869" y="3262285"/>
            <a:chExt cx="1305187" cy="2840508"/>
          </a:xfrm>
        </p:grpSpPr>
        <p:pic>
          <p:nvPicPr>
            <p:cNvPr id="1028" name="Picture 4" descr="❤️ Red Heart Emoji">
              <a:extLst>
                <a:ext uri="{FF2B5EF4-FFF2-40B4-BE49-F238E27FC236}">
                  <a16:creationId xmlns:a16="http://schemas.microsoft.com/office/drawing/2014/main" id="{5B9784BC-1925-CCA4-4A13-3C2BB67BD919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8257966" y="5813706"/>
              <a:ext cx="289087" cy="289087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1026" name="Picture 2">
              <a:extLst>
                <a:ext uri="{FF2B5EF4-FFF2-40B4-BE49-F238E27FC236}">
                  <a16:creationId xmlns:a16="http://schemas.microsoft.com/office/drawing/2014/main" id="{71490EA7-44F3-9038-9F33-11E08E59D053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1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7859869" y="3262285"/>
              <a:ext cx="1305187" cy="2610374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</p:grpSp>
      <p:pic>
        <p:nvPicPr>
          <p:cNvPr id="12" name="Picture 11" descr="A picture containing sky, outdoor, clothing, person&#10;&#10;Description automatically generated">
            <a:extLst>
              <a:ext uri="{FF2B5EF4-FFF2-40B4-BE49-F238E27FC236}">
                <a16:creationId xmlns:a16="http://schemas.microsoft.com/office/drawing/2014/main" id="{B1BF0669-F617-5E23-34C3-DC200DEF4CF9}"/>
              </a:ext>
            </a:extLst>
          </p:cNvPr>
          <p:cNvPicPr>
            <a:picLocks noChangeAspect="1"/>
          </p:cNvPicPr>
          <p:nvPr/>
        </p:nvPicPr>
        <p:blipFill rotWithShape="1">
          <a:blip r:embed="rId1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6933" t="31329" b="20035"/>
          <a:stretch/>
        </p:blipFill>
        <p:spPr>
          <a:xfrm>
            <a:off x="253783" y="242280"/>
            <a:ext cx="3696189" cy="2575412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3255766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 descr="{&quot;templafy&quot;:{&quot;id&quot;:&quot;8190e35c-cbb2-4ed5-ac14-2661e8b5b6bb&quot;}}">
            <a:extLst>
              <a:ext uri="{FF2B5EF4-FFF2-40B4-BE49-F238E27FC236}">
                <a16:creationId xmlns:a16="http://schemas.microsoft.com/office/drawing/2014/main" id="{24135334-B107-7245-9D29-017A16F0FEDE}"/>
              </a:ext>
            </a:extLst>
          </p:cNvPr>
          <p:cNvSpPr/>
          <p:nvPr/>
        </p:nvSpPr>
        <p:spPr>
          <a:xfrm>
            <a:off x="2356826" y="2948317"/>
            <a:ext cx="7478348" cy="92317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5400" b="1" dirty="0">
                <a:solidFill>
                  <a:srgbClr val="00B0F0"/>
                </a:solidFill>
                <a:latin typeface="Century Gothic" panose="020B0502020202020204" pitchFamily="34" charset="0"/>
              </a:rPr>
              <a:t>6pm</a:t>
            </a:r>
          </a:p>
        </p:txBody>
      </p:sp>
      <p:sp>
        <p:nvSpPr>
          <p:cNvPr id="6" name="Rectangle 5" descr="{&quot;templafy&quot;:{&quot;id&quot;:&quot;691bf032-3c6b-4c12-8f2b-e7d281038a2e&quot;}}">
            <a:extLst>
              <a:ext uri="{FF2B5EF4-FFF2-40B4-BE49-F238E27FC236}">
                <a16:creationId xmlns:a16="http://schemas.microsoft.com/office/drawing/2014/main" id="{95D28F16-B2BD-CB6F-52A8-3CC2B58848DD}"/>
              </a:ext>
            </a:extLst>
          </p:cNvPr>
          <p:cNvSpPr/>
          <p:nvPr/>
        </p:nvSpPr>
        <p:spPr>
          <a:xfrm>
            <a:off x="2356826" y="3995466"/>
            <a:ext cx="7478348" cy="923178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3200" b="1" dirty="0">
                <a:solidFill>
                  <a:srgbClr val="00B0F0"/>
                </a:solidFill>
                <a:latin typeface="Century Gothic" panose="020B0502020202020204" pitchFamily="34" charset="0"/>
              </a:rPr>
              <a:t>Pope Learning Commons - Media Center</a:t>
            </a:r>
          </a:p>
        </p:txBody>
      </p:sp>
      <p:sp>
        <p:nvSpPr>
          <p:cNvPr id="3" name="Rectangle 2" descr="{&quot;templafy&quot;:{&quot;id&quot;:&quot;796c991d-a672-4cb7-8758-723928138526&quot;}}">
            <a:extLst>
              <a:ext uri="{FF2B5EF4-FFF2-40B4-BE49-F238E27FC236}">
                <a16:creationId xmlns:a16="http://schemas.microsoft.com/office/drawing/2014/main" id="{DD9AAB5F-D168-C91C-B92F-987C7F429C7C}"/>
              </a:ext>
            </a:extLst>
          </p:cNvPr>
          <p:cNvSpPr/>
          <p:nvPr/>
        </p:nvSpPr>
        <p:spPr>
          <a:xfrm>
            <a:off x="2356826" y="1826819"/>
            <a:ext cx="7478348" cy="997527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4800" b="1" dirty="0">
                <a:solidFill>
                  <a:srgbClr val="00B0F0"/>
                </a:solidFill>
                <a:latin typeface="Century Gothic" panose="020B0502020202020204" pitchFamily="34" charset="0"/>
              </a:rPr>
              <a:t>09/20/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285721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>
            <a:extLst>
              <a:ext uri="{FF2B5EF4-FFF2-40B4-BE49-F238E27FC236}">
                <a16:creationId xmlns:a16="http://schemas.microsoft.com/office/drawing/2014/main" id="{A2D73BC6-AB51-9C4E-90E3-9237C8AA0C30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5"/>
          <a:srcRect t="2639" b="2639"/>
          <a:stretch/>
        </p:blipFill>
        <p:spPr>
          <a:xfrm>
            <a:off x="2359025" y="4065588"/>
            <a:ext cx="2613025" cy="2446337"/>
          </a:xfrm>
          <a:ln>
            <a:solidFill>
              <a:srgbClr val="054E7F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019153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Picture 2">
            <a:extLst>
              <a:ext uri="{FF2B5EF4-FFF2-40B4-BE49-F238E27FC236}">
                <a16:creationId xmlns:a16="http://schemas.microsoft.com/office/drawing/2014/main" id="{891400EB-8EF2-4B65-B8FA-CAEBB9A47807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7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4326" b="4326"/>
          <a:stretch/>
        </p:blipFill>
        <p:spPr>
          <a:xfrm>
            <a:off x="-38100" y="-14288"/>
            <a:ext cx="12268200" cy="6886575"/>
          </a:xfrm>
          <a:prstGeom prst="rect">
            <a:avLst/>
          </a:prstGeom>
        </p:spPr>
      </p:pic>
      <p:sp>
        <p:nvSpPr>
          <p:cNvPr id="11" name="Rectangle 10"/>
          <p:cNvSpPr/>
          <p:nvPr/>
        </p:nvSpPr>
        <p:spPr>
          <a:xfrm>
            <a:off x="-38100" y="6140387"/>
            <a:ext cx="12296773" cy="731900"/>
          </a:xfrm>
          <a:prstGeom prst="rect">
            <a:avLst/>
          </a:prstGeom>
          <a:solidFill>
            <a:srgbClr val="002060">
              <a:alpha val="8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Oval 3"/>
          <p:cNvSpPr/>
          <p:nvPr/>
        </p:nvSpPr>
        <p:spPr>
          <a:xfrm>
            <a:off x="3489157" y="541422"/>
            <a:ext cx="5245768" cy="5245768"/>
          </a:xfrm>
          <a:prstGeom prst="ellipse">
            <a:avLst/>
          </a:prstGeom>
          <a:solidFill>
            <a:schemeClr val="bg1">
              <a:alpha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0"/>
          </p:nvPr>
        </p:nvSpPr>
        <p:spPr>
          <a:xfrm>
            <a:off x="3468354" y="2314131"/>
            <a:ext cx="5245768" cy="1114868"/>
          </a:xfrm>
        </p:spPr>
        <p:txBody>
          <a:bodyPr>
            <a:noAutofit/>
          </a:bodyPr>
          <a:lstStyle/>
          <a:p>
            <a:r>
              <a:rPr lang="en-US" sz="8800" dirty="0"/>
              <a:t>Spain</a:t>
            </a:r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1"/>
          </p:nvPr>
        </p:nvSpPr>
        <p:spPr>
          <a:xfrm>
            <a:off x="-9526" y="6140450"/>
            <a:ext cx="12268199" cy="717550"/>
          </a:xfrm>
        </p:spPr>
        <p:txBody>
          <a:bodyPr/>
          <a:lstStyle/>
          <a:p>
            <a:r>
              <a:rPr lang="en-US" dirty="0"/>
              <a:t>Barcelona &amp; Madrid – 8 Days</a:t>
            </a:r>
          </a:p>
        </p:txBody>
      </p:sp>
      <p:sp>
        <p:nvSpPr>
          <p:cNvPr id="8" name="TextBox 7"/>
          <p:cNvSpPr txBox="1"/>
          <p:nvPr/>
        </p:nvSpPr>
        <p:spPr>
          <a:xfrm>
            <a:off x="4045870" y="1538530"/>
            <a:ext cx="4090736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3200" b="1" dirty="0">
                <a:solidFill>
                  <a:srgbClr val="00B0F0"/>
                </a:solidFill>
                <a:latin typeface="Century Gothic" panose="020B0502020202020204" pitchFamily="34" charset="0"/>
              </a:rPr>
              <a:t>Let’s go to…</a:t>
            </a:r>
          </a:p>
        </p:txBody>
      </p:sp>
      <p:sp>
        <p:nvSpPr>
          <p:cNvPr id="9" name="TextBox 8"/>
          <p:cNvSpPr txBox="1"/>
          <p:nvPr/>
        </p:nvSpPr>
        <p:spPr>
          <a:xfrm rot="16200000">
            <a:off x="5496046" y="3798026"/>
            <a:ext cx="1231989" cy="120032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7200" dirty="0">
                <a:solidFill>
                  <a:srgbClr val="00B0F0"/>
                </a:solidFill>
              </a:rPr>
              <a:t>✈</a:t>
            </a:r>
            <a:endParaRPr lang="en-US" sz="7200" dirty="0">
              <a:solidFill>
                <a:srgbClr val="00B0F0"/>
              </a:solidFill>
              <a:latin typeface="Wingdings" panose="05000000000000000000" pitchFamily="2" charset="2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21911141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48929" y="1012603"/>
            <a:ext cx="1782924" cy="1782924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1549226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561437" y="4049486"/>
            <a:ext cx="4087924" cy="2299457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7781264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/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45660" y="1325017"/>
            <a:ext cx="6493633" cy="3990679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7F729B3B-D939-431D-92AB-C697E692F64A}"/>
              </a:ext>
            </a:extLst>
          </p:cNvPr>
          <p:cNvSpPr txBox="1"/>
          <p:nvPr/>
        </p:nvSpPr>
        <p:spPr>
          <a:xfrm>
            <a:off x="2606581" y="853784"/>
            <a:ext cx="8700257" cy="646331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3600" b="1" dirty="0">
                <a:latin typeface="Courier New" panose="02070309020205020404" pitchFamily="49" charset="0"/>
                <a:cs typeface="Courier New" panose="02070309020205020404" pitchFamily="49" charset="0"/>
              </a:rPr>
              <a:t>Admire Barcelona’s architecture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369521" y="1850247"/>
            <a:ext cx="3937317" cy="3810431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73206899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1">
            <a:extLst>
              <a:ext uri="{FF2B5EF4-FFF2-40B4-BE49-F238E27FC236}">
                <a16:creationId xmlns:a16="http://schemas.microsoft.com/office/drawing/2014/main" id="{5EE69FE1-1A07-78D6-65CF-0A514BD1F757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4607" r="4607"/>
          <a:stretch/>
        </p:blipFill>
        <p:spPr>
          <a:xfrm>
            <a:off x="-11" y="0"/>
            <a:ext cx="6226150" cy="6858000"/>
          </a:xfrm>
          <a:prstGeom prst="rect">
            <a:avLst/>
          </a:prstGeom>
        </p:spPr>
      </p:pic>
      <p:pic>
        <p:nvPicPr>
          <p:cNvPr id="19" name="Picture 2">
            <a:extLst>
              <a:ext uri="{FF2B5EF4-FFF2-40B4-BE49-F238E27FC236}">
                <a16:creationId xmlns:a16="http://schemas.microsoft.com/office/drawing/2014/main" id="{367B112B-07F6-2FC3-CD31-D43812E547CF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2456" b="12456"/>
          <a:stretch/>
        </p:blipFill>
        <p:spPr>
          <a:xfrm>
            <a:off x="6106753" y="0"/>
            <a:ext cx="6085247" cy="6863585"/>
          </a:xfrm>
          <a:prstGeom prst="rect">
            <a:avLst/>
          </a:prstGeom>
        </p:spPr>
      </p:pic>
      <p:grpSp>
        <p:nvGrpSpPr>
          <p:cNvPr id="15" name="Group 14">
            <a:extLst>
              <a:ext uri="{FF2B5EF4-FFF2-40B4-BE49-F238E27FC236}">
                <a16:creationId xmlns:a16="http://schemas.microsoft.com/office/drawing/2014/main" id="{1678C5E7-5327-B170-F11D-236B2BCB1E11}"/>
              </a:ext>
            </a:extLst>
          </p:cNvPr>
          <p:cNvGrpSpPr/>
          <p:nvPr/>
        </p:nvGrpSpPr>
        <p:grpSpPr>
          <a:xfrm>
            <a:off x="4069738" y="1560125"/>
            <a:ext cx="4052524" cy="1039350"/>
            <a:chOff x="4142733" y="2259829"/>
            <a:chExt cx="3865944" cy="913067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D65E3B48-A5F0-9373-390B-5379484BF6E7}"/>
                </a:ext>
              </a:extLst>
            </p:cNvPr>
            <p:cNvSpPr/>
            <p:nvPr/>
          </p:nvSpPr>
          <p:spPr>
            <a:xfrm>
              <a:off x="4142733" y="2264736"/>
              <a:ext cx="3865944" cy="908160"/>
            </a:xfrm>
            <a:prstGeom prst="roundRect">
              <a:avLst/>
            </a:prstGeom>
            <a:solidFill>
              <a:srgbClr val="054E7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lnSpc>
                  <a:spcPct val="90000"/>
                </a:lnSpc>
              </a:pPr>
              <a:endParaRPr lang="en-US" sz="2400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B843D549-CC8A-2F09-7C51-83FC3942E6D0}"/>
                </a:ext>
              </a:extLst>
            </p:cNvPr>
            <p:cNvSpPr txBox="1"/>
            <p:nvPr/>
          </p:nvSpPr>
          <p:spPr>
            <a:xfrm>
              <a:off x="4162469" y="2527347"/>
              <a:ext cx="1856216" cy="373126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lnSpc>
                  <a:spcPct val="90000"/>
                </a:lnSpc>
              </a:pPr>
              <a:r>
                <a:rPr lang="en-US" sz="2400" b="1" dirty="0">
                  <a:solidFill>
                    <a:schemeClr val="bg1"/>
                  </a:solidFill>
                  <a:latin typeface="Century Gothic" panose="020B0502020202020204" pitchFamily="34" charset="0"/>
                </a:rPr>
                <a:t>Park Güell </a:t>
              </a: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61F36D42-F0DF-5F63-A111-C428A0E8F31B}"/>
                </a:ext>
              </a:extLst>
            </p:cNvPr>
            <p:cNvSpPr txBox="1"/>
            <p:nvPr/>
          </p:nvSpPr>
          <p:spPr>
            <a:xfrm>
              <a:off x="6085753" y="2381341"/>
              <a:ext cx="1914265" cy="665137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>
                <a:lnSpc>
                  <a:spcPct val="90000"/>
                </a:lnSpc>
              </a:pPr>
              <a:r>
                <a:rPr lang="en-US" sz="2400" b="1" dirty="0">
                  <a:solidFill>
                    <a:schemeClr val="bg1"/>
                  </a:solidFill>
                  <a:latin typeface="Century Gothic" panose="020B0502020202020204" pitchFamily="34" charset="0"/>
                </a:rPr>
                <a:t>La Sagrada Família</a:t>
              </a: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F381B0AC-EF09-BF67-D9F5-769F42EE61E2}"/>
                </a:ext>
              </a:extLst>
            </p:cNvPr>
            <p:cNvSpPr/>
            <p:nvPr/>
          </p:nvSpPr>
          <p:spPr>
            <a:xfrm>
              <a:off x="6062191" y="2259829"/>
              <a:ext cx="47125" cy="908162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>
                <a:lnSpc>
                  <a:spcPct val="90000"/>
                </a:lnSpc>
              </a:pPr>
              <a:endParaRPr lang="en-US" sz="2400" dirty="0"/>
            </a:p>
          </p:txBody>
        </p:sp>
      </p:grpSp>
      <p:sp>
        <p:nvSpPr>
          <p:cNvPr id="6" name="Text Placeholder 1">
            <a:extLst>
              <a:ext uri="{FF2B5EF4-FFF2-40B4-BE49-F238E27FC236}">
                <a16:creationId xmlns:a16="http://schemas.microsoft.com/office/drawing/2014/main" id="{5CDAD780-DC35-C71C-2881-E5E886881731}"/>
              </a:ext>
            </a:extLst>
          </p:cNvPr>
          <p:cNvSpPr txBox="1">
            <a:spLocks/>
          </p:cNvSpPr>
          <p:nvPr/>
        </p:nvSpPr>
        <p:spPr>
          <a:xfrm rot="21066234">
            <a:off x="255014" y="317634"/>
            <a:ext cx="1829711" cy="502675"/>
          </a:xfrm>
          <a:prstGeom prst="rect">
            <a:avLst/>
          </a:prstGeom>
          <a:solidFill>
            <a:srgbClr val="0B94C5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4000" b="1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Spain</a:t>
            </a:r>
          </a:p>
        </p:txBody>
      </p:sp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EFC3846-3F34-70B3-DF78-5F53CA3DD2AA}"/>
              </a:ext>
            </a:extLst>
          </p:cNvPr>
          <p:cNvSpPr txBox="1">
            <a:spLocks/>
          </p:cNvSpPr>
          <p:nvPr/>
        </p:nvSpPr>
        <p:spPr>
          <a:xfrm rot="21066234">
            <a:off x="198707" y="911684"/>
            <a:ext cx="2409905" cy="470517"/>
          </a:xfrm>
          <a:prstGeom prst="rect">
            <a:avLst/>
          </a:prstGeom>
          <a:solidFill>
            <a:srgbClr val="0B94C5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000" b="1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(Barcelona)</a:t>
            </a:r>
          </a:p>
        </p:txBody>
      </p:sp>
      <p:sp>
        <p:nvSpPr>
          <p:cNvPr id="20" name="Text Placeholder 1">
            <a:extLst>
              <a:ext uri="{FF2B5EF4-FFF2-40B4-BE49-F238E27FC236}">
                <a16:creationId xmlns:a16="http://schemas.microsoft.com/office/drawing/2014/main" id="{BC268CBB-2C4B-0DB6-3BA5-E7ABABCB97E9}"/>
              </a:ext>
            </a:extLst>
          </p:cNvPr>
          <p:cNvSpPr txBox="1">
            <a:spLocks/>
          </p:cNvSpPr>
          <p:nvPr/>
        </p:nvSpPr>
        <p:spPr>
          <a:xfrm>
            <a:off x="4166095" y="281207"/>
            <a:ext cx="3835596" cy="1020069"/>
          </a:xfrm>
          <a:prstGeom prst="rect">
            <a:avLst/>
          </a:prstGeom>
          <a:solidFill>
            <a:srgbClr val="0070C0"/>
          </a:solidFill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lIns="91440" tIns="45720" rIns="91440" bIns="45720" rtlCol="0" anchor="ctr">
            <a:noAutofit/>
          </a:bodyPr>
          <a:lstStyle>
            <a:lvl1pPr marL="0" indent="0" algn="ctr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5400" b="1" kern="1200">
                <a:solidFill>
                  <a:srgbClr val="00B9FF"/>
                </a:solidFill>
                <a:latin typeface="Century Gothic" panose="020B0502020202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sz="3000">
                <a:solidFill>
                  <a:schemeClr val="bg1"/>
                </a:solidFill>
              </a:rPr>
              <a:t>Which location is a cooler photo stop</a:t>
            </a:r>
            <a:r>
              <a:rPr kumimoji="0" lang="en-US" sz="3000" b="1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534608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73006" y="1543049"/>
            <a:ext cx="1885950" cy="188595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2440601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large building with a flag on top&#10;&#10;Description automatically generated with low confidence">
            <a:extLst>
              <a:ext uri="{FF2B5EF4-FFF2-40B4-BE49-F238E27FC236}">
                <a16:creationId xmlns:a16="http://schemas.microsoft.com/office/drawing/2014/main" id="{05955461-E0AD-43D9-ADF1-94E7AE58CAA3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562648" y="1734589"/>
            <a:ext cx="7372581" cy="4915054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44A12039-2C7B-4CD9-93C7-3705BE84D11E}"/>
              </a:ext>
            </a:extLst>
          </p:cNvPr>
          <p:cNvSpPr txBox="1">
            <a:spLocks/>
          </p:cNvSpPr>
          <p:nvPr/>
        </p:nvSpPr>
        <p:spPr>
          <a:xfrm>
            <a:off x="500002" y="409713"/>
            <a:ext cx="6748937" cy="1569660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r>
              <a:rPr lang="en-US" sz="4800" b="1" dirty="0">
                <a:latin typeface="Courier New" panose="02070309020205020404" pitchFamily="49" charset="0"/>
                <a:cs typeface="Courier New" panose="02070309020205020404" pitchFamily="49" charset="0"/>
              </a:rPr>
              <a:t>Visit the Royal Palace in Madrid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0500973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9050" y="0"/>
            <a:ext cx="12172950" cy="6858000"/>
          </a:xfrm>
          <a:prstGeom prst="rect">
            <a:avLst/>
          </a:prstGeom>
        </p:spPr>
      </p:pic>
      <p:pic>
        <p:nvPicPr>
          <p:cNvPr id="6148" name="Picture 4" descr="patrick star eating STICKER by SpongeBob SquarePants"/>
          <p:cNvPicPr>
            <a:picLocks noChangeAspect="1" noChangeArrowheads="1" noCrop="1"/>
          </p:cNvPicPr>
          <p:nvPr/>
        </p:nvPicPr>
        <p:blipFill>
          <a:blip r:embed="rId7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9610726" y="4175124"/>
            <a:ext cx="2581275" cy="2682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54838291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lafy\AddIns\PowerPointVsto\Greece Santorini.jpg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lly.henjes\AppData\Local\Temp\Templafy\PowerPointVsto\Assets\5cd6eabd-eea4-4c84-a571-0f6cd16030a1.jpe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4483879219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7045171343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70451713427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lafy\AddIns\PowerPointVsto\9a439942-2f49-4c99-b26d-27a7b64badd9.jpe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lafy\AddIns\PowerPointVsto\3bff74f0-e3dd-4653-8a29-194524a4459f.jpe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34483879218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58730869407271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70451713429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09870451713428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lafy\AddIns\PowerPointVsto\b19d201a-3993-46fb-aba5-75e1f594bb44.jpeg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z.dimascio\AppData\Local\Temp\Templafy\PowerPointVsto\Assets\2b701ff8-9fe0-4d30-a478-034ae48f7383.jpeg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z.dimascio\AppData\Local\Temp\Templafy\PowerPointVsto\Assets\48c6d239-ca83-462a-876d-b3ef5befc67f.jpeg"/>
  <p:tag name="TEMPLAFYSLIDEID" val="637636836613229379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iz.dimascio\AppData\Local\Temp\Templafy\PowerPointVsto\Assets\48c6d239-ca83-462a-876d-b3ef5befc67f.jpeg"/>
  <p:tag name="TEMPLAFYSLIDEID" val="637636836613229379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\Templafy\PowerPointVsto\Assets\0bb79fd0-ee2d-4cf7-a600-467182902f6b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\Templafy\PowerPointVsto\Assets\8208b184-452b-4426-b166-77c5a644b0c6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\Templafy\PowerPointVsto\Assets\391fb0fd-4edd-495f-ba78-83c059dd3911.jpe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\Templafy\PowerPointVsto\Assets\76bf5fd1-2f6f-4331-bc06-1daeed14d7dd.jpe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lafy\AddIns\PowerPointVsto\d0360c85-795d-41ab-87e2-bf9de2e3d320.jpe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RyannRussell\AppData\Local\Temp\Templafy\PowerPointVsto\Assets\0bb79fd0-ee2d-4cf7-a600-467182902f6b.jpe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575708572667593"/>
</p:tagLst>
</file>

<file path=ppt/theme/theme1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Marquee">
    <a:dk1>
      <a:srgbClr val="000000"/>
    </a:dk1>
    <a:lt1>
      <a:sysClr val="window" lastClr="FFFFFF"/>
    </a:lt1>
    <a:dk2>
      <a:srgbClr val="5E5E5E"/>
    </a:dk2>
    <a:lt2>
      <a:srgbClr val="DDDDDD"/>
    </a:lt2>
    <a:accent1>
      <a:srgbClr val="418AB3"/>
    </a:accent1>
    <a:accent2>
      <a:srgbClr val="A6B727"/>
    </a:accent2>
    <a:accent3>
      <a:srgbClr val="F69200"/>
    </a:accent3>
    <a:accent4>
      <a:srgbClr val="838383"/>
    </a:accent4>
    <a:accent5>
      <a:srgbClr val="FEC306"/>
    </a:accent5>
    <a:accent6>
      <a:srgbClr val="DF5327"/>
    </a:accent6>
    <a:hlink>
      <a:srgbClr val="F59E00"/>
    </a:hlink>
    <a:folHlink>
      <a:srgbClr val="B2B2B2"/>
    </a:folHlink>
  </a:clr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required":true,"placeholder":"","lines":1,"helpTexts":{},"spacing":{},"shareValue":false,"type":"textBox","name":"RsvpLink","label":"RSVP Link (ex: bit.ly/2yt45g)"}],"formDataEntries":[]}]]></TemplafySlideFormConfiguration>
</file>

<file path=customXml/item10.xml><?xml version="1.0" encoding="utf-8"?>
<TemplafySlideTemplateConfiguration><![CDATA[{"slideVersion":3,"isValidatorEnabled":false,"isLocked":false,"elementsMetadata":[{"type":"shape","elementConfiguration":{"binding":"{{Form.RsvpLink}}","visibility":"","type":"text","disableUpdates":false}}],"slideId":"63817968346244339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8143178478778548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193229267902141","enableDocumentContentUpdater":false,"version":"2.0"}]]></TemplafySlideTemplateConfiguration>
</file>

<file path=customXml/item15.xml><?xml version="1.0" encoding="utf-8"?>
<TemplafySlideFormConfiguration><![CDATA[{"formFields":[{"required":true,"helpTexts":{},"spacing":{},"shareValue":false,"type":"datePicker","name":"RcMeetingDate","label":"RC Meeting Date"}],"formDataEntries":[]}]]></TemplafySlideFormConfiguration>
</file>

<file path=customXml/item16.xml><?xml version="1.0" encoding="utf-8"?>
<TemplafySlideFormConfiguration><![CDATA[{"formFields":[{"required":true,"placeholder":"","lines":1,"helpTexts":{},"spacing":{},"shareValue":false,"type":"textBox","name":"RsvpLink","label":"RSVP Link (ex: bit.ly/2yt45g)"}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TemplateConfiguration><![CDATA[{"elementsMetadata":[{"type":"shape","id":"da2e0807-b8a4-4a31-8bee-74500622b4f1","elementConfiguration":{"binding":"{{Form.RsvpLink}}","visibility":"","type":"text","disableUpdates":false}},{"type":"shape","id":"55c0d8f8-8e59-4918-a468-5509ec959c0c","elementConfiguration":{"binding":"{{Form.RsvpLink}}","visibility":"","type":"text","disableUpdates":false}},{"type":"shape","id":"d57501b2-e5db-40db-adc9-47effadb4360","elementConfiguration":{"binding":"{{FormatDateTime(Form.RcMeetingDate, \"d\")}}","visibility":"","type":"text","disableUpdates":false}},{"type":"shape","id":"8190e35c-cbb2-4ed5-ac14-2661e8b5b6bb","elementConfiguration":{"binding":"{{Form.RcMeetingTime}}","visibility":"","type":"text","disableUpdates":false}},{"type":"shape","id":"691bf032-3c6b-4c12-8f2b-e7d281038a2e","elementConfiguration":{"binding":"{{Form.RcMeetingLocation}}","visibility":"","type":"text","disableUpdates":false}},{"type":"shape","id":"796c991d-a672-4cb7-8758-723928138526","elementConfiguration":{"binding":"{{FormatDateTime(Form.RcMeetingDate, \"d\")}}","visibility":"","type":"text","disableUpdates":false}}],"transformationConfigurations":[],"templateName":"Student Excitement Deck","templateDescription":"9/5 UPDATE","enableDocumentContentUpdater":false,"version":"2.0"}]]></TemplafyTemplateConfiguration>
</file>

<file path=customXml/item19.xml><?xml version="1.0" encoding="utf-8"?>
<TemplafySlideTemplateConfiguration><![CDATA[{"slideVersion":1,"isValidatorEnabled":false,"isLocked":false,"elementsMetadata":[],"slideId":"638193229267935983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638143177700909564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8143178478792867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3,"isValidatorEnabled":false,"isLocked":false,"elementsMetadata":[],"slideId":"638179683462309681","enableDocumentContentUpdater":false,"version":"2.0"}]]></TemplafySlideTemplateConfiguration>
</file>

<file path=customXml/item24.xml><?xml version="1.0" encoding="utf-8"?>
<TemplafyFormConfiguration><![CDATA[{"formFields":[{"required":true,"helpTexts":{},"spacing":{},"shareValue":false,"type":"datePicker","name":"RcMeetingDate","label":"RC Meeting Date"},{"required":true,"placeholder":"","lines":1,"helpTexts":{},"spacing":{},"shareValue":false,"type":"textBox","name":"RcMeetingTime","label":"RC Meeting Time (ex: 6:00 PM)"},{"required":true,"placeholder":"","lines":1,"helpTexts":{},"spacing":{},"shareValue":false,"type":"textBox","name":"RcMeetingLocation","label":"RC Meeting Location (ex: Room 321)"},{"required":true,"placeholder":"","lines":1,"helpTexts":{},"spacing":{},"shareValue":false,"type":"textBox","name":"RsvpLink","label":"RSVP Link (ex: bit.ly/2yt45g)"}],"formDataEntries":[{"name":"RcMeetingDate","value":"CGNYsT5dlcIXzXa0q5dcTA=="},{"name":"RcMeetingTime","value":"2SWueBlvPk0YmndtoK/a8w=="},{"name":"RcMeetingLocation","value":"sxshDA/mWG6VnIoTE6amUyI0agwMdAfKxn0AxzoueSv/zDPwLDRUxTx2GtC87ZKE"},{"name":"RsvpLink","value":"ZUeOSIe8xpaolt+eaT3EFTIx1j+NDKbnEnRrGXYWtV4="}]}]]></TemplafyFormConfiguration>
</file>

<file path=customXml/item25.xml><?xml version="1.0" encoding="utf-8"?>
<TemplafySlideTemplateConfiguration><![CDATA[{"slideVersion":3,"isValidatorEnabled":false,"isLocked":false,"elementsMetadata":[],"slideId":"638179683462299365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{"required":true,"helpTexts":{},"spacing":{},"shareValue":false,"type":"datePicker","name":"RcMeetingDate","label":"RC Meeting Date"},{"required":true,"placeholder":"","lines":1,"helpTexts":{},"spacing":{},"shareValue":false,"type":"textBox","name":"RcMeetingTime","label":"RC Meeting Time (ex: 6:00 PM)"},{"required":true,"placeholder":"","lines":1,"helpTexts":{},"spacing":{},"shareValue":false,"type":"textBox","name":"RcMeetingLocation","label":"RC Meeting Location (ex: Room 321)"}],"formDataEntries":[]}]]></TemplafySlideFormConfiguration>
</file>

<file path=customXml/item30.xml><?xml version="1.0" encoding="utf-8"?>
<TemplafySlideTemplateConfiguration><![CDATA[{"slideVersion":1,"isValidatorEnabled":false,"isLocked":false,"elementsMetadata":[],"slideId":"638143178478806968","enableDocumentContentUpdater":false,"version":"2.0"}]]></TemplafySlideTemplateConfiguration>
</file>

<file path=customXml/item31.xml><?xml version="1.0" encoding="utf-8"?>
<TemplafySlideTemplateConfiguration><![CDATA[{"slideVersion":3,"isValidatorEnabled":false,"isLocked":false,"elementsMetadata":[],"slideId":"638216573645457054","enableDocumentContentUpdater":fals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3,"isValidatorEnabled":false,"isLocked":false,"elementsMetadata":[],"slideId":"638197620551776756","enableDocumentContentUpdater":false,"version":"2.0"}]]></TemplafySlideTemplateConfiguration>
</file>

<file path=customXml/item34.xml><?xml version="1.0" encoding="utf-8"?>
<TemplafySlideTemplateConfiguration><![CDATA[{"slideVersion":3,"isValidatorEnabled":false,"isLocked":false,"elementsMetadata":[],"slideId":"638197620551847825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8143178478783447","enableDocumentContentUpdater":false,"version":"2.0"}]]></TemplafySlideTemplateConfiguration>
</file>

<file path=customXml/item37.xml><?xml version="1.0" encoding="utf-8"?>
<TemplafySlideTemplateConfiguration><![CDATA[{"slideVersion":1,"isValidatorEnabled":false,"isLocked":false,"elementsMetadata":[],"slideId":"638198658112896307","enableDocumentContentUpdater":false,"version":"2.0"}]]></TemplafySlideTemplateConfiguration>
</file>

<file path=customXml/item38.xml><?xml version="1.0" encoding="utf-8"?>
<TemplafySlideTemplateConfiguration><![CDATA[{"slideVersion":1,"isValidatorEnabled":false,"isLocked":false,"elementsMetadata":[],"slideId":"638143178478798287","enableDocumentContentUpdater":false,"version":"2.0"}]]></TemplafySlideTemplateConfiguration>
</file>

<file path=customXml/item39.xml><?xml version="1.0" encoding="utf-8"?>
<TemplafySlideTemplateConfiguration><![CDATA[{"slideVersion":3,"isValidatorEnabled":false,"isLocked":false,"elementsMetadata":[{"type":"shape","elementConfiguration":{"binding":"{{Form.RsvpLink}}","visibility":"","type":"text","disableUpdates":false}}],"slideId":"638179683462426500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143177700912257","enableDocumentContentUpdater":false,"version":"2.0"}]]></TemplafySlideTemplateConfiguration>
</file>

<file path=customXml/item40.xml><?xml version="1.0" encoding="utf-8"?>
<TemplafySlideTemplateConfiguration><![CDATA[{"slideVersion":3,"isValidatorEnabled":false,"isLocked":false,"elementsMetadata":[{"type":"shape","elementConfiguration":{"binding":"{{Form.RcMeetingTime}}","visibility":"","type":"text","disableUpdates":false}},{"type":"shape","elementConfiguration":{"binding":"{{Form.RcMeetingLocation}}","visibility":"","type":"text","disableUpdates":false}},{"type":"shape","elementConfiguration":{"binding":"{{FormatDateTime(Form.RcMeetingDate, \"d\")}}","visibility":"","type":"text","disableUpdates":false}}],"slideId":"638179683462411925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3,"isValidatorEnabled":false,"isLocked":false,"elementsMetadata":[{"type":"shape","elementConfiguration":{"binding":"{{FormatDateTime(Form.RcMeetingDate, \"d\")}}","visibility":"","type":"text","disableUpdates":false}}],"slideId":"63817968346240606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EE8F71A-F128-4AB2-83A0-2C0DB35DA0F7}">
  <ds:schemaRefs/>
</ds:datastoreItem>
</file>

<file path=customXml/itemProps10.xml><?xml version="1.0" encoding="utf-8"?>
<ds:datastoreItem xmlns:ds="http://schemas.openxmlformats.org/officeDocument/2006/customXml" ds:itemID="{4952F96F-3358-4C97-B6BD-6CE3C014C600}">
  <ds:schemaRefs/>
</ds:datastoreItem>
</file>

<file path=customXml/itemProps11.xml><?xml version="1.0" encoding="utf-8"?>
<ds:datastoreItem xmlns:ds="http://schemas.openxmlformats.org/officeDocument/2006/customXml" ds:itemID="{5B2F7133-428F-4AF4-BEEF-55C569CD70D4}">
  <ds:schemaRefs/>
</ds:datastoreItem>
</file>

<file path=customXml/itemProps12.xml><?xml version="1.0" encoding="utf-8"?>
<ds:datastoreItem xmlns:ds="http://schemas.openxmlformats.org/officeDocument/2006/customXml" ds:itemID="{88E62789-D0E7-4220-9CB1-2F2858BEEFA2}">
  <ds:schemaRefs/>
</ds:datastoreItem>
</file>

<file path=customXml/itemProps13.xml><?xml version="1.0" encoding="utf-8"?>
<ds:datastoreItem xmlns:ds="http://schemas.openxmlformats.org/officeDocument/2006/customXml" ds:itemID="{1A4A7CCF-7867-42DC-A9C9-5B0482770DC7}">
  <ds:schemaRefs/>
</ds:datastoreItem>
</file>

<file path=customXml/itemProps14.xml><?xml version="1.0" encoding="utf-8"?>
<ds:datastoreItem xmlns:ds="http://schemas.openxmlformats.org/officeDocument/2006/customXml" ds:itemID="{1746E404-C7FB-4309-AABC-84DBA1C21FB6}">
  <ds:schemaRefs/>
</ds:datastoreItem>
</file>

<file path=customXml/itemProps15.xml><?xml version="1.0" encoding="utf-8"?>
<ds:datastoreItem xmlns:ds="http://schemas.openxmlformats.org/officeDocument/2006/customXml" ds:itemID="{AECC7C0F-44E2-427F-8FBB-00640916C640}">
  <ds:schemaRefs/>
</ds:datastoreItem>
</file>

<file path=customXml/itemProps16.xml><?xml version="1.0" encoding="utf-8"?>
<ds:datastoreItem xmlns:ds="http://schemas.openxmlformats.org/officeDocument/2006/customXml" ds:itemID="{90872466-1DE8-41CD-9066-0388D2A150DC}">
  <ds:schemaRefs/>
</ds:datastoreItem>
</file>

<file path=customXml/itemProps17.xml><?xml version="1.0" encoding="utf-8"?>
<ds:datastoreItem xmlns:ds="http://schemas.openxmlformats.org/officeDocument/2006/customXml" ds:itemID="{60D6AAFE-7044-419F-BA70-2AEABA369ED0}">
  <ds:schemaRefs/>
</ds:datastoreItem>
</file>

<file path=customXml/itemProps18.xml><?xml version="1.0" encoding="utf-8"?>
<ds:datastoreItem xmlns:ds="http://schemas.openxmlformats.org/officeDocument/2006/customXml" ds:itemID="{29C253F7-107E-4800-BA14-22026B3082F2}">
  <ds:schemaRefs/>
</ds:datastoreItem>
</file>

<file path=customXml/itemProps19.xml><?xml version="1.0" encoding="utf-8"?>
<ds:datastoreItem xmlns:ds="http://schemas.openxmlformats.org/officeDocument/2006/customXml" ds:itemID="{CBFD3FD2-D4A1-4BA7-B144-15BE3AD5DAAB}">
  <ds:schemaRefs/>
</ds:datastoreItem>
</file>

<file path=customXml/itemProps2.xml><?xml version="1.0" encoding="utf-8"?>
<ds:datastoreItem xmlns:ds="http://schemas.openxmlformats.org/officeDocument/2006/customXml" ds:itemID="{A8A09254-058A-40B1-981F-52CA43A74A06}">
  <ds:schemaRefs/>
</ds:datastoreItem>
</file>

<file path=customXml/itemProps20.xml><?xml version="1.0" encoding="utf-8"?>
<ds:datastoreItem xmlns:ds="http://schemas.openxmlformats.org/officeDocument/2006/customXml" ds:itemID="{3B934357-11D8-42C4-8A00-274FBAC03BC9}">
  <ds:schemaRefs/>
</ds:datastoreItem>
</file>

<file path=customXml/itemProps21.xml><?xml version="1.0" encoding="utf-8"?>
<ds:datastoreItem xmlns:ds="http://schemas.openxmlformats.org/officeDocument/2006/customXml" ds:itemID="{43C97373-FBB8-49CB-AE4F-CAA7B1E711B4}">
  <ds:schemaRefs/>
</ds:datastoreItem>
</file>

<file path=customXml/itemProps22.xml><?xml version="1.0" encoding="utf-8"?>
<ds:datastoreItem xmlns:ds="http://schemas.openxmlformats.org/officeDocument/2006/customXml" ds:itemID="{05C142DD-E9BE-410F-A8AA-D52C25087BC3}">
  <ds:schemaRefs/>
</ds:datastoreItem>
</file>

<file path=customXml/itemProps23.xml><?xml version="1.0" encoding="utf-8"?>
<ds:datastoreItem xmlns:ds="http://schemas.openxmlformats.org/officeDocument/2006/customXml" ds:itemID="{8BEBA7DB-61C5-4149-A966-A17EE949E188}">
  <ds:schemaRefs/>
</ds:datastoreItem>
</file>

<file path=customXml/itemProps24.xml><?xml version="1.0" encoding="utf-8"?>
<ds:datastoreItem xmlns:ds="http://schemas.openxmlformats.org/officeDocument/2006/customXml" ds:itemID="{BAFE3788-0A73-48B2-9F46-12B58F781F11}">
  <ds:schemaRefs/>
</ds:datastoreItem>
</file>

<file path=customXml/itemProps25.xml><?xml version="1.0" encoding="utf-8"?>
<ds:datastoreItem xmlns:ds="http://schemas.openxmlformats.org/officeDocument/2006/customXml" ds:itemID="{D514CB84-D51E-47A6-8B36-138DEB76AA94}">
  <ds:schemaRefs/>
</ds:datastoreItem>
</file>

<file path=customXml/itemProps26.xml><?xml version="1.0" encoding="utf-8"?>
<ds:datastoreItem xmlns:ds="http://schemas.openxmlformats.org/officeDocument/2006/customXml" ds:itemID="{5E6D52FF-A71E-4C51-B9D7-EBD910A00811}">
  <ds:schemaRefs/>
</ds:datastoreItem>
</file>

<file path=customXml/itemProps27.xml><?xml version="1.0" encoding="utf-8"?>
<ds:datastoreItem xmlns:ds="http://schemas.openxmlformats.org/officeDocument/2006/customXml" ds:itemID="{9B4A912D-426C-483F-80D2-66F81AC092C9}">
  <ds:schemaRefs/>
</ds:datastoreItem>
</file>

<file path=customXml/itemProps28.xml><?xml version="1.0" encoding="utf-8"?>
<ds:datastoreItem xmlns:ds="http://schemas.openxmlformats.org/officeDocument/2006/customXml" ds:itemID="{69EE6F3B-7959-4495-8601-6E7C7507B30F}">
  <ds:schemaRefs/>
</ds:datastoreItem>
</file>

<file path=customXml/itemProps29.xml><?xml version="1.0" encoding="utf-8"?>
<ds:datastoreItem xmlns:ds="http://schemas.openxmlformats.org/officeDocument/2006/customXml" ds:itemID="{40076D16-4FFD-4215-9FCB-365262F55895}">
  <ds:schemaRefs/>
</ds:datastoreItem>
</file>

<file path=customXml/itemProps3.xml><?xml version="1.0" encoding="utf-8"?>
<ds:datastoreItem xmlns:ds="http://schemas.openxmlformats.org/officeDocument/2006/customXml" ds:itemID="{ED3EFA12-175F-4250-9505-CCFB9B30099A}">
  <ds:schemaRefs/>
</ds:datastoreItem>
</file>

<file path=customXml/itemProps30.xml><?xml version="1.0" encoding="utf-8"?>
<ds:datastoreItem xmlns:ds="http://schemas.openxmlformats.org/officeDocument/2006/customXml" ds:itemID="{D33D7290-150F-47BE-9911-E68268657580}">
  <ds:schemaRefs/>
</ds:datastoreItem>
</file>

<file path=customXml/itemProps31.xml><?xml version="1.0" encoding="utf-8"?>
<ds:datastoreItem xmlns:ds="http://schemas.openxmlformats.org/officeDocument/2006/customXml" ds:itemID="{DC04525A-5DD5-4CC9-9177-25C420B608F3}">
  <ds:schemaRefs/>
</ds:datastoreItem>
</file>

<file path=customXml/itemProps32.xml><?xml version="1.0" encoding="utf-8"?>
<ds:datastoreItem xmlns:ds="http://schemas.openxmlformats.org/officeDocument/2006/customXml" ds:itemID="{4A8B11FA-8DB9-49A8-B202-2B37D52FAFEB}">
  <ds:schemaRefs/>
</ds:datastoreItem>
</file>

<file path=customXml/itemProps33.xml><?xml version="1.0" encoding="utf-8"?>
<ds:datastoreItem xmlns:ds="http://schemas.openxmlformats.org/officeDocument/2006/customXml" ds:itemID="{754D3B71-1D46-46C4-9DE7-D029780EA53D}">
  <ds:schemaRefs/>
</ds:datastoreItem>
</file>

<file path=customXml/itemProps34.xml><?xml version="1.0" encoding="utf-8"?>
<ds:datastoreItem xmlns:ds="http://schemas.openxmlformats.org/officeDocument/2006/customXml" ds:itemID="{C587F675-B3CA-45BA-9957-5FA4657098F6}">
  <ds:schemaRefs/>
</ds:datastoreItem>
</file>

<file path=customXml/itemProps35.xml><?xml version="1.0" encoding="utf-8"?>
<ds:datastoreItem xmlns:ds="http://schemas.openxmlformats.org/officeDocument/2006/customXml" ds:itemID="{72F408BC-1404-45A5-9BA3-31311AF3CCF8}">
  <ds:schemaRefs/>
</ds:datastoreItem>
</file>

<file path=customXml/itemProps36.xml><?xml version="1.0" encoding="utf-8"?>
<ds:datastoreItem xmlns:ds="http://schemas.openxmlformats.org/officeDocument/2006/customXml" ds:itemID="{7BC890A3-453F-43BD-A8A2-2BF09BC97029}">
  <ds:schemaRefs/>
</ds:datastoreItem>
</file>

<file path=customXml/itemProps37.xml><?xml version="1.0" encoding="utf-8"?>
<ds:datastoreItem xmlns:ds="http://schemas.openxmlformats.org/officeDocument/2006/customXml" ds:itemID="{6743F4B0-A5C9-4508-BB3D-3E9196A2308F}">
  <ds:schemaRefs/>
</ds:datastoreItem>
</file>

<file path=customXml/itemProps38.xml><?xml version="1.0" encoding="utf-8"?>
<ds:datastoreItem xmlns:ds="http://schemas.openxmlformats.org/officeDocument/2006/customXml" ds:itemID="{968FFF65-F438-40AE-8F73-5E3FF8ED2A91}">
  <ds:schemaRefs/>
</ds:datastoreItem>
</file>

<file path=customXml/itemProps39.xml><?xml version="1.0" encoding="utf-8"?>
<ds:datastoreItem xmlns:ds="http://schemas.openxmlformats.org/officeDocument/2006/customXml" ds:itemID="{813D5DE7-4F5C-402F-97EC-B3C7E59A18FC}">
  <ds:schemaRefs/>
</ds:datastoreItem>
</file>

<file path=customXml/itemProps4.xml><?xml version="1.0" encoding="utf-8"?>
<ds:datastoreItem xmlns:ds="http://schemas.openxmlformats.org/officeDocument/2006/customXml" ds:itemID="{FAAB6F23-4B7E-409B-935F-C7848505F61C}">
  <ds:schemaRefs/>
</ds:datastoreItem>
</file>

<file path=customXml/itemProps40.xml><?xml version="1.0" encoding="utf-8"?>
<ds:datastoreItem xmlns:ds="http://schemas.openxmlformats.org/officeDocument/2006/customXml" ds:itemID="{2A51262E-79A9-4557-85AD-7EB370A6BF4E}">
  <ds:schemaRefs/>
</ds:datastoreItem>
</file>

<file path=customXml/itemProps5.xml><?xml version="1.0" encoding="utf-8"?>
<ds:datastoreItem xmlns:ds="http://schemas.openxmlformats.org/officeDocument/2006/customXml" ds:itemID="{089084CD-EACD-4ED2-AAEE-EC4C668423D5}">
  <ds:schemaRefs/>
</ds:datastoreItem>
</file>

<file path=customXml/itemProps6.xml><?xml version="1.0" encoding="utf-8"?>
<ds:datastoreItem xmlns:ds="http://schemas.openxmlformats.org/officeDocument/2006/customXml" ds:itemID="{294C7499-9B82-48DA-8EF9-4BF6DCA85756}">
  <ds:schemaRefs/>
</ds:datastoreItem>
</file>

<file path=customXml/itemProps7.xml><?xml version="1.0" encoding="utf-8"?>
<ds:datastoreItem xmlns:ds="http://schemas.openxmlformats.org/officeDocument/2006/customXml" ds:itemID="{0EC760BB-8F3E-4F91-9E1F-887217F27CD2}">
  <ds:schemaRefs/>
</ds:datastoreItem>
</file>

<file path=customXml/itemProps8.xml><?xml version="1.0" encoding="utf-8"?>
<ds:datastoreItem xmlns:ds="http://schemas.openxmlformats.org/officeDocument/2006/customXml" ds:itemID="{C2DC6CB9-324A-4E17-9E2F-6C58643BCB6C}">
  <ds:schemaRefs/>
</ds:datastoreItem>
</file>

<file path=customXml/itemProps9.xml><?xml version="1.0" encoding="utf-8"?>
<ds:datastoreItem xmlns:ds="http://schemas.openxmlformats.org/officeDocument/2006/customXml" ds:itemID="{1B9F2471-2AB4-4E05-B22B-3DF89A8EAB7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7511</TotalTime>
  <Words>159</Words>
  <Application>Microsoft Office PowerPoint</Application>
  <PresentationFormat>Widescreen</PresentationFormat>
  <Paragraphs>36</Paragraphs>
  <Slides>13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1" baseType="lpstr">
      <vt:lpstr>Arial</vt:lpstr>
      <vt:lpstr>Calibri</vt:lpstr>
      <vt:lpstr>Calibri Light</vt:lpstr>
      <vt:lpstr>Century Gothic</vt:lpstr>
      <vt:lpstr>Courier New</vt:lpstr>
      <vt:lpstr>EF Circular Black</vt:lpstr>
      <vt:lpstr>Wingdings</vt:lpstr>
      <vt:lpstr>Office Them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Lilly Henjes</dc:creator>
  <cp:lastModifiedBy>Allyson Williams</cp:lastModifiedBy>
  <cp:revision>79</cp:revision>
  <dcterms:created xsi:type="dcterms:W3CDTF">2023-09-07T13:49:28Z</dcterms:created>
  <dcterms:modified xsi:type="dcterms:W3CDTF">2023-09-12T18:20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9-05T17:18:11</vt:lpwstr>
  </property>
  <property fmtid="{D5CDD505-2E9C-101B-9397-08002B2CF9AE}" pid="3" name="TemplafyTenantId">
    <vt:lpwstr>educationfirst</vt:lpwstr>
  </property>
  <property fmtid="{D5CDD505-2E9C-101B-9397-08002B2CF9AE}" pid="4" name="TemplafyTemplateId">
    <vt:lpwstr>638179683454825359</vt:lpwstr>
  </property>
  <property fmtid="{D5CDD505-2E9C-101B-9397-08002B2CF9AE}" pid="5" name="TemplafyUserProfileId">
    <vt:lpwstr>638157939591592315</vt:lpwstr>
  </property>
  <property fmtid="{D5CDD505-2E9C-101B-9397-08002B2CF9AE}" pid="6" name="TemplafyFromBlank">
    <vt:bool>false</vt:bool>
  </property>
</Properties>
</file>